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A8B8"/>
    <a:srgbClr val="FFA8BB"/>
    <a:srgbClr val="AADFE7"/>
    <a:srgbClr val="ABDFE6"/>
    <a:srgbClr val="D8EDEC"/>
    <a:srgbClr val="DFEDE4"/>
    <a:srgbClr val="F9F0ED"/>
    <a:srgbClr val="FDF9DC"/>
    <a:srgbClr val="FDD5D3"/>
    <a:srgbClr val="FFA8B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108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A88D6C-3E31-D4FA-6C55-45CD36E23CE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8E467FE-3E37-875F-7624-171CE9ADC53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E2CF4F-4926-46D5-E26D-8778C2E509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484EE5-56ED-6482-718A-993B133082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9C24613-62B7-D2F3-94C0-192C554291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497351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A03D30-1732-6A8C-6DAF-4420871C7C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C074F4E-3F38-13E6-D253-68E9E8B4363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103065-5E02-C830-A650-EB9A06980D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469B1B-57BB-CE42-51A9-E0104BF6A3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7A28831-7721-FD4E-7975-E554CB7BA1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019280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F653BA2-2206-56C9-CAF5-105348074B6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1566344-B867-9434-4E61-63A1856F31A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E060FB-9487-6F89-61E6-50E7690870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8B82683-6ED3-7447-B122-2A8AF33A04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1DDCB19-9EFD-0656-19BA-5AE7763E9B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49893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D7E374-7680-F929-EFFD-021CA6BD5A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DE21267-E51C-294F-704F-5EA630B298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C8BCD6-EC88-0FD7-559E-3FAA5306D1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A6EEBC-A51B-3F67-D931-35C3C2A9BB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71E8E46-F690-872A-9A7C-CEE710A898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18549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28E60B-5C83-11D8-00A4-E7DE007EAF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FBDE8CE-299A-2919-7E6A-6150748449C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9B3A16-C2E7-D96E-FB74-85D33B6EC5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B7B18F-C86B-B0A0-A69A-4B3A022E36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3EEA9B7-6EF0-932F-CBEF-5868974505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773985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F9B32E-7EB5-2B51-8888-B9D6DF2959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CF6E2F-67F2-0D6C-0632-1B4DA8A9305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B86E2D1-969D-32F6-BBDC-9149302EA88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7F3C08F-4C2E-A0A9-2313-01A0D99D6A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B7BB5DE-1FED-98F2-72B8-9C34A77607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52564C5-98DA-9E1E-DB2D-BF678132D2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080116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0E60ED9-0603-436A-27D4-502ED5051A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9941031-96B2-DFB1-9C8E-62A551155A2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EE7697D-CE1A-6202-2B0E-F3427ECD77E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53CC1D0-F95E-D366-647B-E1F64D930C7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DF1DE81-1146-A067-2C8E-2989E0852FE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0491028-C2F6-890C-C1F8-6A276E149F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7D0BF30-F0A9-63B0-DD5C-CBBE3A9776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AD121B-2137-FF87-DCCF-87FD15AC41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23900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45C1C9-723E-54EB-656E-4E4F36721A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5D102A2-5A02-D4A7-B7BE-5EFEB051BD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8B12FC6-F7C8-3479-A0AC-3F38481BB2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89B0C14-ADBC-54EE-6395-AB2087B155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332930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1F4466F-C7E5-2E91-84CA-843C804052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8E55B7B-CF69-D918-6672-8A26492FD4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4EC9D37-3190-F66F-0360-2F07FF80FD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2427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29831-C1B3-DA43-96E2-16FDFC50B9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39717D2-1FA0-B0C0-74E9-EF203258B17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88DEACA-F125-CF57-5556-589F5BB5592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D971E22-E533-1D11-7747-7E4302640F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5F5244A-2259-4238-F7B1-2924738A1B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EF0281B-545F-9282-C004-9647BE9C74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673713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6516A8-65FF-5EEB-C366-E4CC5AE36A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0729635-C24A-18D0-5E84-D803293A5F2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750903D-3C58-6F8C-DA47-DAAA1C32A0E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64BD84A-A312-C289-62CD-FDB8BC1706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14E82A4-FF36-8659-DB57-5D17F894B3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A3BC69E-6329-1C21-B5FD-68CC249B43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02545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17ED77E-8005-A01D-2B84-417A552AB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A747B85-23AF-22F5-C81D-FE8A52A280E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E9A9AB-353B-E19D-640F-2CDFCBADD2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E44455-D266-47DC-9F92-F9548563A93B}" type="datetimeFigureOut">
              <a:rPr lang="en-US" smtClean="0"/>
              <a:t>4/28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2987598-54FA-2E74-750D-5EA110223F4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1DEB10-1BA1-D524-EDDD-42D539F11A7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A7CA648-B98D-45E2-8DDF-6C0ED9D4E56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58042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image" Target="../media/image5.sv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image" Target="../media/image6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image" Target="../media/image4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image" Target="../media/image7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OTLSHAPE_SL_97b059ce87e241b3a89d32c8ea0e20fc_BackgroundRectangle">
            <a:extLst>
              <a:ext uri="{FF2B5EF4-FFF2-40B4-BE49-F238E27FC236}">
                <a16:creationId xmlns:a16="http://schemas.microsoft.com/office/drawing/2014/main" id="{2B9C3197-4F69-81E1-448A-88A247D74DF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27400"/>
            <a:ext cx="11125200" cy="1595120"/>
          </a:xfrm>
          <a:prstGeom prst="rect">
            <a:avLst/>
          </a:prstGeom>
          <a:solidFill>
            <a:schemeClr val="accent6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268" name="OTLSHAPE_SL_1199f77049e548099c7cbda13f2e437a_BackgroundRectangle">
            <a:extLst>
              <a:ext uri="{FF2B5EF4-FFF2-40B4-BE49-F238E27FC236}">
                <a16:creationId xmlns:a16="http://schemas.microsoft.com/office/drawing/2014/main" id="{77712B61-E2F3-73B2-4E09-7B31F952F58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986020"/>
            <a:ext cx="11125200" cy="1661160"/>
          </a:xfrm>
          <a:prstGeom prst="rect">
            <a:avLst/>
          </a:prstGeom>
          <a:solidFill>
            <a:schemeClr val="accent6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100" name="OTLSHAPE_TB_00000000000000000000000000000000_ScaleContainer">
            <a:extLst>
              <a:ext uri="{FF2B5EF4-FFF2-40B4-BE49-F238E27FC236}">
                <a16:creationId xmlns:a16="http://schemas.microsoft.com/office/drawing/2014/main" id="{B2204B1B-2DBB-8C2F-6170-4A4282AB583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06898" y="2743200"/>
            <a:ext cx="10185400" cy="381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97" name="OTLSHAPE_SL_97b059ce87e241b3a89d32c8ea0e20fc_HeaderRectangle">
            <a:extLst>
              <a:ext uri="{FF2B5EF4-FFF2-40B4-BE49-F238E27FC236}">
                <a16:creationId xmlns:a16="http://schemas.microsoft.com/office/drawing/2014/main" id="{62B7C061-0A82-8CD6-969C-608A3846666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327400"/>
            <a:ext cx="825500" cy="159512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269" name="OTLSHAPE_SL_1199f77049e548099c7cbda13f2e437a_HeaderRectangle">
            <a:extLst>
              <a:ext uri="{FF2B5EF4-FFF2-40B4-BE49-F238E27FC236}">
                <a16:creationId xmlns:a16="http://schemas.microsoft.com/office/drawing/2014/main" id="{10D11F4F-B394-195D-B01E-9B075BC41F1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986020"/>
            <a:ext cx="825500" cy="166116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cxnSp>
        <p:nvCxnSpPr>
          <p:cNvPr id="106" name="OTLSHAPE_G_00000000000000000000000000000000_ShapeBelow0">
            <a:extLst>
              <a:ext uri="{FF2B5EF4-FFF2-40B4-BE49-F238E27FC236}">
                <a16:creationId xmlns:a16="http://schemas.microsoft.com/office/drawing/2014/main" id="{445FFDC2-1D01-261B-BA21-613D34D7404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789837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G_00000000000000000000000000000000_ShapeBelow1">
            <a:extLst>
              <a:ext uri="{FF2B5EF4-FFF2-40B4-BE49-F238E27FC236}">
                <a16:creationId xmlns:a16="http://schemas.microsoft.com/office/drawing/2014/main" id="{62E9AD70-3A74-A7C3-578B-5868E180336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572776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G_00000000000000000000000000000000_ShapeBelow2">
            <a:extLst>
              <a:ext uri="{FF2B5EF4-FFF2-40B4-BE49-F238E27FC236}">
                <a16:creationId xmlns:a16="http://schemas.microsoft.com/office/drawing/2014/main" id="{CC894AEA-8024-222D-06F7-1B2E8AB9FDC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355715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G_00000000000000000000000000000000_ShapeBelow3">
            <a:extLst>
              <a:ext uri="{FF2B5EF4-FFF2-40B4-BE49-F238E27FC236}">
                <a16:creationId xmlns:a16="http://schemas.microsoft.com/office/drawing/2014/main" id="{D7E2E9E0-664E-0499-F51A-DB6B3EA4849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138653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G_00000000000000000000000000000000_ShapeBelow4">
            <a:extLst>
              <a:ext uri="{FF2B5EF4-FFF2-40B4-BE49-F238E27FC236}">
                <a16:creationId xmlns:a16="http://schemas.microsoft.com/office/drawing/2014/main" id="{F91884E7-BCF1-50C8-04EB-77EC235D742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921592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G_00000000000000000000000000000000_ShapeBelow5">
            <a:extLst>
              <a:ext uri="{FF2B5EF4-FFF2-40B4-BE49-F238E27FC236}">
                <a16:creationId xmlns:a16="http://schemas.microsoft.com/office/drawing/2014/main" id="{03577B33-C81E-C639-5FAA-6E461439D51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704530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G_00000000000000000000000000000000_ShapeBelow6">
            <a:extLst>
              <a:ext uri="{FF2B5EF4-FFF2-40B4-BE49-F238E27FC236}">
                <a16:creationId xmlns:a16="http://schemas.microsoft.com/office/drawing/2014/main" id="{70FF1936-0DEF-13F0-D8E6-8D17B1C13B8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87470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G_00000000000000000000000000000000_ShapeBelow7">
            <a:extLst>
              <a:ext uri="{FF2B5EF4-FFF2-40B4-BE49-F238E27FC236}">
                <a16:creationId xmlns:a16="http://schemas.microsoft.com/office/drawing/2014/main" id="{BD166190-5499-4B0A-3DE5-CE95165BFD2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270408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G_00000000000000000000000000000000_ShapeBelow8">
            <a:extLst>
              <a:ext uri="{FF2B5EF4-FFF2-40B4-BE49-F238E27FC236}">
                <a16:creationId xmlns:a16="http://schemas.microsoft.com/office/drawing/2014/main" id="{D90C51CE-5C58-C734-548E-FF2C324454A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53346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G_00000000000000000000000000000000_ShapeBelow9">
            <a:extLst>
              <a:ext uri="{FF2B5EF4-FFF2-40B4-BE49-F238E27FC236}">
                <a16:creationId xmlns:a16="http://schemas.microsoft.com/office/drawing/2014/main" id="{502EC513-EF21-5203-EE08-7DA76E6EFB9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836285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G_00000000000000000000000000000000_ShapeBelow10">
            <a:extLst>
              <a:ext uri="{FF2B5EF4-FFF2-40B4-BE49-F238E27FC236}">
                <a16:creationId xmlns:a16="http://schemas.microsoft.com/office/drawing/2014/main" id="{68445797-EB06-C4F2-C363-5A969A78F5B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619224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11">
            <a:extLst>
              <a:ext uri="{FF2B5EF4-FFF2-40B4-BE49-F238E27FC236}">
                <a16:creationId xmlns:a16="http://schemas.microsoft.com/office/drawing/2014/main" id="{99E87C44-5E61-5131-7F18-684792C3253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402163" y="3124200"/>
            <a:ext cx="0" cy="3522980"/>
          </a:xfrm>
          <a:prstGeom prst="line">
            <a:avLst/>
          </a:prstGeom>
          <a:ln w="9525" cap="flat" cmpd="sng" algn="ctr">
            <a:solidFill>
              <a:schemeClr val="dk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SLT_2ec4351efeba4843a5caf7563f54c0b6_Shape">
            <a:extLst>
              <a:ext uri="{FF2B5EF4-FFF2-40B4-BE49-F238E27FC236}">
                <a16:creationId xmlns:a16="http://schemas.microsoft.com/office/drawing/2014/main" id="{7B1026E9-9FE7-5F4B-CA86-03D1B1EA125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07116" y="3540760"/>
            <a:ext cx="1968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SLT_c11e89708604443eac068195f143f077_Shape">
            <a:extLst>
              <a:ext uri="{FF2B5EF4-FFF2-40B4-BE49-F238E27FC236}">
                <a16:creationId xmlns:a16="http://schemas.microsoft.com/office/drawing/2014/main" id="{594F7B76-F189-D243-4C8E-847AC840C79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355932" y="3957320"/>
            <a:ext cx="787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29" name="OTLSHAPE_SLT_b2b6cec3b94c4183bbf5efa282f5cb40_Shape">
            <a:extLst>
              <a:ext uri="{FF2B5EF4-FFF2-40B4-BE49-F238E27FC236}">
                <a16:creationId xmlns:a16="http://schemas.microsoft.com/office/drawing/2014/main" id="{556F1D87-3D33-2092-018D-A4F5C760F13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138871" y="3957320"/>
            <a:ext cx="20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solidFill>
              <a:schemeClr val="bg1">
                <a:lumMod val="8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27" name="OTLSHAPE_SLT_8091d35f64fe487f96b6e60b287578c6_Shape">
            <a:extLst>
              <a:ext uri="{FF2B5EF4-FFF2-40B4-BE49-F238E27FC236}">
                <a16:creationId xmlns:a16="http://schemas.microsoft.com/office/drawing/2014/main" id="{9599B988-19F1-2CD2-97C6-1E594B97643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334605" y="4198620"/>
            <a:ext cx="190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25" name="OTLSHAPE_SLT_1d4791acb71e4bb0819cb4de27bc2b6f_Shape">
            <a:extLst>
              <a:ext uri="{FF2B5EF4-FFF2-40B4-BE49-F238E27FC236}">
                <a16:creationId xmlns:a16="http://schemas.microsoft.com/office/drawing/2014/main" id="{70757873-2AA0-027B-A85D-3A77D95D981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530340" y="4198620"/>
            <a:ext cx="203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31" name="OTLSHAPE_SLT_bb91bd72654041be874a336f488d3d1d_Shape">
            <a:extLst>
              <a:ext uri="{FF2B5EF4-FFF2-40B4-BE49-F238E27FC236}">
                <a16:creationId xmlns:a16="http://schemas.microsoft.com/office/drawing/2014/main" id="{7A3D4AE8-E273-DC6B-69A6-443519E1513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726075" y="4439920"/>
            <a:ext cx="266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23" name="OTLSHAPE_SLT_e42593cbe2f04407acdf9649c8f95de9_Shape">
            <a:extLst>
              <a:ext uri="{FF2B5EF4-FFF2-40B4-BE49-F238E27FC236}">
                <a16:creationId xmlns:a16="http://schemas.microsoft.com/office/drawing/2014/main" id="{CA7515CB-8B45-6D07-1907-02682C280F7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117544" y="4681220"/>
            <a:ext cx="596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33" name="OTLSHAPE_SLT_6bdcae78b1d849b1a1ab3eda9b468800_Shape">
            <a:extLst>
              <a:ext uri="{FF2B5EF4-FFF2-40B4-BE49-F238E27FC236}">
                <a16:creationId xmlns:a16="http://schemas.microsoft.com/office/drawing/2014/main" id="{DF402FEF-B854-0D19-3D16-378859EFFFE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096217" y="5199380"/>
            <a:ext cx="7874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44" name="OTLSHAPE_SLT_e56b09dbee144138ab7de81fd6a19248_Shape">
            <a:extLst>
              <a:ext uri="{FF2B5EF4-FFF2-40B4-BE49-F238E27FC236}">
                <a16:creationId xmlns:a16="http://schemas.microsoft.com/office/drawing/2014/main" id="{B315DE18-EADC-7064-486F-70EB8E2BEA8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879156" y="5199380"/>
            <a:ext cx="203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37" name="OTLSHAPE_SLT_2c9d10a63eda46d6b62620ddeaa13e20_Shape">
            <a:extLst>
              <a:ext uri="{FF2B5EF4-FFF2-40B4-BE49-F238E27FC236}">
                <a16:creationId xmlns:a16="http://schemas.microsoft.com/office/drawing/2014/main" id="{BA1309D3-2379-1079-E11A-494644ADE54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270625" y="5440680"/>
            <a:ext cx="139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48" name="OTLSHAPE_SLT_bd178ee031d84f3a81465237e5632738_Shape">
            <a:extLst>
              <a:ext uri="{FF2B5EF4-FFF2-40B4-BE49-F238E27FC236}">
                <a16:creationId xmlns:a16="http://schemas.microsoft.com/office/drawing/2014/main" id="{AEED1AFA-8FCF-0C61-82B4-0C0D88706F7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401116" y="5440680"/>
            <a:ext cx="266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50" name="OTLSHAPE_SLT_886729a839f743fa853d0ce17fa00a9a_Shape">
            <a:extLst>
              <a:ext uri="{FF2B5EF4-FFF2-40B4-BE49-F238E27FC236}">
                <a16:creationId xmlns:a16="http://schemas.microsoft.com/office/drawing/2014/main" id="{F2F1ED47-3168-2D48-D9B6-929CE17EA1D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662095" y="5681980"/>
            <a:ext cx="596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42" name="OTLSHAPE_SLT_a9cfd0fdac814b159f405fbbe2fb98ed_Shape">
            <a:extLst>
              <a:ext uri="{FF2B5EF4-FFF2-40B4-BE49-F238E27FC236}">
                <a16:creationId xmlns:a16="http://schemas.microsoft.com/office/drawing/2014/main" id="{4E8D202B-CF1A-E4EF-43EA-BC024AA6583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249299" y="5923280"/>
            <a:ext cx="203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128" name="OTLSHAPE_SLT_b15cc4ec3f6346f3b13c7d37a97dd87c_Shape">
            <a:extLst>
              <a:ext uri="{FF2B5EF4-FFF2-40B4-BE49-F238E27FC236}">
                <a16:creationId xmlns:a16="http://schemas.microsoft.com/office/drawing/2014/main" id="{6DB2644D-6B95-376B-3FB2-B55178F74E6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8445033" y="5681980"/>
            <a:ext cx="596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46" name="OTLSHAPE_SLT_916129f8a0b4496a9617e121ec577980_Shape">
            <a:extLst>
              <a:ext uri="{FF2B5EF4-FFF2-40B4-BE49-F238E27FC236}">
                <a16:creationId xmlns:a16="http://schemas.microsoft.com/office/drawing/2014/main" id="{E33750C3-7054-AA7C-A12F-34A14AFE4D3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032238" y="5923280"/>
            <a:ext cx="203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35" name="OTLSHAPE_SLT_6d66e3c55a1147fa931f2618ac8238e7_Shape">
            <a:extLst>
              <a:ext uri="{FF2B5EF4-FFF2-40B4-BE49-F238E27FC236}">
                <a16:creationId xmlns:a16="http://schemas.microsoft.com/office/drawing/2014/main" id="{81B2CE0A-CAE5-F71D-8F14-D35684297EF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227972" y="6164580"/>
            <a:ext cx="17653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339" name="OTLSHAPE_SLT_8a79298295934f599fc39b10398eca7c_Shape">
            <a:extLst>
              <a:ext uri="{FF2B5EF4-FFF2-40B4-BE49-F238E27FC236}">
                <a16:creationId xmlns:a16="http://schemas.microsoft.com/office/drawing/2014/main" id="{75D92E66-D42F-B002-3AD1-F7727C50031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989584" y="6405880"/>
            <a:ext cx="139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solidFill>
              <a:srgbClr val="D9D9D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98" name="OTLSHAPE_SL_97b059ce87e241b3a89d32c8ea0e20fc_Header">
            <a:extLst>
              <a:ext uri="{FF2B5EF4-FFF2-40B4-BE49-F238E27FC236}">
                <a16:creationId xmlns:a16="http://schemas.microsoft.com/office/drawing/2014/main" id="{B64C6FFF-220C-5B50-7F0B-551FD667972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3949700"/>
            <a:ext cx="825500" cy="350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Arial Nova" panose="020B0504020202020204" pitchFamily="34" charset="0"/>
              </a:rPr>
              <a:t>Pre-ceremony</a:t>
            </a:r>
          </a:p>
        </p:txBody>
      </p:sp>
      <p:sp>
        <p:nvSpPr>
          <p:cNvPr id="270" name="OTLSHAPE_SL_1199f77049e548099c7cbda13f2e437a_Header">
            <a:extLst>
              <a:ext uri="{FF2B5EF4-FFF2-40B4-BE49-F238E27FC236}">
                <a16:creationId xmlns:a16="http://schemas.microsoft.com/office/drawing/2014/main" id="{D986BDCD-BA1C-A626-0542-70CBCEDA506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5641340"/>
            <a:ext cx="825500" cy="350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Arial Nova" panose="020B0504020202020204" pitchFamily="34" charset="0"/>
              </a:rPr>
              <a:t>Post-ceremon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13417A0-69A1-85E9-E988-EC445EA74A3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070616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10:00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92C6FC4B-5CDF-AF9F-F008-D9A6DE78E92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853554" y="2846070"/>
            <a:ext cx="36292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Arial Nova" panose="020B0504020202020204" pitchFamily="34" charset="0"/>
              </a:rPr>
              <a:t>11:00</a:t>
            </a:r>
            <a:endParaRPr lang="en-US" sz="1200" spc="-28" dirty="0">
              <a:solidFill>
                <a:schemeClr val="lt1"/>
              </a:solidFill>
              <a:latin typeface="Arial Nova" panose="020B0504020202020204" pitchFamily="34" charset="0"/>
            </a:endParaRPr>
          </a:p>
        </p:txBody>
      </p:sp>
      <p:sp>
        <p:nvSpPr>
          <p:cNvPr id="16" name="OTLSHAPE_TB_00000000000000000000000000000000_TimescaleInterval3">
            <a:extLst>
              <a:ext uri="{FF2B5EF4-FFF2-40B4-BE49-F238E27FC236}">
                <a16:creationId xmlns:a16="http://schemas.microsoft.com/office/drawing/2014/main" id="{6D9402AC-F7FD-9E21-0183-04B0217A587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636493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12:00</a:t>
            </a:r>
          </a:p>
        </p:txBody>
      </p:sp>
      <p:sp>
        <p:nvSpPr>
          <p:cNvPr id="20" name="OTLSHAPE_TB_00000000000000000000000000000000_TimescaleInterval4">
            <a:extLst>
              <a:ext uri="{FF2B5EF4-FFF2-40B4-BE49-F238E27FC236}">
                <a16:creationId xmlns:a16="http://schemas.microsoft.com/office/drawing/2014/main" id="{0383A6F5-804C-DF49-16FE-2E1B22E5A82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419432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13:00</a:t>
            </a:r>
            <a:endParaRPr lang="en-US" sz="1200" spc="-14" dirty="0">
              <a:solidFill>
                <a:schemeClr val="lt1"/>
              </a:solidFill>
              <a:latin typeface="Arial Nova" panose="020B0504020202020204" pitchFamily="34" charset="0"/>
            </a:endParaRPr>
          </a:p>
        </p:txBody>
      </p:sp>
      <p:sp>
        <p:nvSpPr>
          <p:cNvPr id="24" name="OTLSHAPE_TB_00000000000000000000000000000000_TimescaleInterval5">
            <a:extLst>
              <a:ext uri="{FF2B5EF4-FFF2-40B4-BE49-F238E27FC236}">
                <a16:creationId xmlns:a16="http://schemas.microsoft.com/office/drawing/2014/main" id="{935EC17C-790E-33EB-5CCF-9DC830A758D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202371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14:00</a:t>
            </a:r>
            <a:endParaRPr lang="en-US" sz="1200" spc="-14" dirty="0">
              <a:solidFill>
                <a:schemeClr val="lt1"/>
              </a:solidFill>
              <a:latin typeface="Arial Nova" panose="020B0504020202020204" pitchFamily="34" charset="0"/>
            </a:endParaRP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98581C80-B5C5-E3C7-8825-A2E748EB5BA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985309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15:00</a:t>
            </a:r>
          </a:p>
        </p:txBody>
      </p:sp>
      <p:sp>
        <p:nvSpPr>
          <p:cNvPr id="32" name="OTLSHAPE_TB_00000000000000000000000000000000_TimescaleInterval7">
            <a:extLst>
              <a:ext uri="{FF2B5EF4-FFF2-40B4-BE49-F238E27FC236}">
                <a16:creationId xmlns:a16="http://schemas.microsoft.com/office/drawing/2014/main" id="{A401A91A-03FD-A685-EE30-D6E8E236BA1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768248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16:00</a:t>
            </a:r>
          </a:p>
        </p:txBody>
      </p:sp>
      <p:sp>
        <p:nvSpPr>
          <p:cNvPr id="36" name="OTLSHAPE_TB_00000000000000000000000000000000_TimescaleInterval8">
            <a:extLst>
              <a:ext uri="{FF2B5EF4-FFF2-40B4-BE49-F238E27FC236}">
                <a16:creationId xmlns:a16="http://schemas.microsoft.com/office/drawing/2014/main" id="{26A2E0CF-1E56-AF7A-D6ED-7FEFA08A483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551187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17:00</a:t>
            </a:r>
          </a:p>
        </p:txBody>
      </p:sp>
      <p:sp>
        <p:nvSpPr>
          <p:cNvPr id="40" name="OTLSHAPE_TB_00000000000000000000000000000000_TimescaleInterval9">
            <a:extLst>
              <a:ext uri="{FF2B5EF4-FFF2-40B4-BE49-F238E27FC236}">
                <a16:creationId xmlns:a16="http://schemas.microsoft.com/office/drawing/2014/main" id="{CD5AFD38-F291-61C7-6EFB-24F6F2888C87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334125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18:00</a:t>
            </a:r>
          </a:p>
        </p:txBody>
      </p:sp>
      <p:sp>
        <p:nvSpPr>
          <p:cNvPr id="44" name="OTLSHAPE_TB_00000000000000000000000000000000_TimescaleInterval10">
            <a:extLst>
              <a:ext uri="{FF2B5EF4-FFF2-40B4-BE49-F238E27FC236}">
                <a16:creationId xmlns:a16="http://schemas.microsoft.com/office/drawing/2014/main" id="{4EA0B55D-1DB6-D1C8-C22F-6B557ACB76C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117064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19:00</a:t>
            </a:r>
          </a:p>
        </p:txBody>
      </p:sp>
      <p:sp>
        <p:nvSpPr>
          <p:cNvPr id="48" name="OTLSHAPE_TB_00000000000000000000000000000000_TimescaleInterval11">
            <a:extLst>
              <a:ext uri="{FF2B5EF4-FFF2-40B4-BE49-F238E27FC236}">
                <a16:creationId xmlns:a16="http://schemas.microsoft.com/office/drawing/2014/main" id="{7E7C8D97-0607-EBD7-028B-DB46AA093B4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900003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20:00</a:t>
            </a:r>
            <a:endParaRPr lang="en-US" sz="1200" spc="-14" dirty="0">
              <a:solidFill>
                <a:schemeClr val="lt1"/>
              </a:solidFill>
              <a:latin typeface="Arial Nova" panose="020B0504020202020204" pitchFamily="34" charset="0"/>
            </a:endParaRPr>
          </a:p>
        </p:txBody>
      </p:sp>
      <p:sp>
        <p:nvSpPr>
          <p:cNvPr id="52" name="OTLSHAPE_TB_00000000000000000000000000000000_TimescaleInterval12">
            <a:extLst>
              <a:ext uri="{FF2B5EF4-FFF2-40B4-BE49-F238E27FC236}">
                <a16:creationId xmlns:a16="http://schemas.microsoft.com/office/drawing/2014/main" id="{95E290AD-4330-C211-23A3-F36E3ED85D4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682942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Arial Nova" panose="020B0504020202020204" pitchFamily="34" charset="0"/>
              </a:rPr>
              <a:t>21:00</a:t>
            </a:r>
            <a:endParaRPr lang="en-US" sz="1200" spc="-14" dirty="0">
              <a:solidFill>
                <a:schemeClr val="lt1"/>
              </a:solidFill>
              <a:latin typeface="Arial Nova" panose="020B0504020202020204" pitchFamily="34" charset="0"/>
            </a:endParaRPr>
          </a:p>
        </p:txBody>
      </p:sp>
      <p:sp>
        <p:nvSpPr>
          <p:cNvPr id="56" name="OTLSHAPE_TB_00000000000000000000000000000000_TimescaleInterval13">
            <a:extLst>
              <a:ext uri="{FF2B5EF4-FFF2-40B4-BE49-F238E27FC236}">
                <a16:creationId xmlns:a16="http://schemas.microsoft.com/office/drawing/2014/main" id="{78F48405-EFEE-1D56-7FFF-38F6F02C968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465881" y="2846070"/>
            <a:ext cx="37830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>
                <a:solidFill>
                  <a:schemeClr val="lt1"/>
                </a:solidFill>
                <a:latin typeface="Arial Nova" panose="020B0504020202020204" pitchFamily="34" charset="0"/>
              </a:rPr>
              <a:t>22:00</a:t>
            </a:r>
          </a:p>
        </p:txBody>
      </p:sp>
      <p:sp>
        <p:nvSpPr>
          <p:cNvPr id="126" name="OTLSHAPE_SLT_2ec4351efeba4843a5caf7563f54c0b6_JoinedDate">
            <a:extLst>
              <a:ext uri="{FF2B5EF4-FFF2-40B4-BE49-F238E27FC236}">
                <a16:creationId xmlns:a16="http://schemas.microsoft.com/office/drawing/2014/main" id="{9967D66E-0804-8ADB-9513-4AB5C54106C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686344" y="3583940"/>
            <a:ext cx="609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2" dirty="0">
                <a:solidFill>
                  <a:schemeClr val="lt1"/>
                </a:solidFill>
                <a:latin typeface="Arial Nova" panose="020B0504020202020204" pitchFamily="34" charset="0"/>
              </a:rPr>
              <a:t>10:00 - 12:30</a:t>
            </a:r>
          </a:p>
        </p:txBody>
      </p:sp>
      <p:sp>
        <p:nvSpPr>
          <p:cNvPr id="127" name="OTLSHAPE_SLT_2ec4351efeba4843a5caf7563f54c0b6_Title">
            <a:extLst>
              <a:ext uri="{FF2B5EF4-FFF2-40B4-BE49-F238E27FC236}">
                <a16:creationId xmlns:a16="http://schemas.microsoft.com/office/drawing/2014/main" id="{FB1E360D-273F-03A1-2795-9E4AFB86C07D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07116" y="3365500"/>
            <a:ext cx="1016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dirty="0">
                <a:solidFill>
                  <a:schemeClr val="dk1"/>
                </a:solidFill>
                <a:latin typeface="Arial Nova" panose="020B0504020202020204" pitchFamily="34" charset="0"/>
              </a:rPr>
              <a:t>Hair &amp; Makeup</a:t>
            </a:r>
          </a:p>
        </p:txBody>
      </p:sp>
      <p:sp>
        <p:nvSpPr>
          <p:cNvPr id="137" name="OTLSHAPE_SLT_c11e89708604443eac068195f143f077_JoinedDate">
            <a:extLst>
              <a:ext uri="{FF2B5EF4-FFF2-40B4-BE49-F238E27FC236}">
                <a16:creationId xmlns:a16="http://schemas.microsoft.com/office/drawing/2014/main" id="{292F9E1E-222E-5059-BA70-9FEE5443A87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447957" y="4000500"/>
            <a:ext cx="609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2">
                <a:solidFill>
                  <a:schemeClr val="lt1"/>
                </a:solidFill>
                <a:latin typeface="Arial Nova" panose="020B0504020202020204" pitchFamily="34" charset="0"/>
              </a:rPr>
              <a:t>13:00 - 14:00</a:t>
            </a:r>
            <a:endParaRPr lang="en-US" sz="800" spc="-2" dirty="0">
              <a:solidFill>
                <a:schemeClr val="lt1"/>
              </a:solidFill>
              <a:latin typeface="Arial Nova" panose="020B0504020202020204" pitchFamily="34" charset="0"/>
            </a:endParaRPr>
          </a:p>
        </p:txBody>
      </p:sp>
      <p:sp>
        <p:nvSpPr>
          <p:cNvPr id="138" name="OTLSHAPE_SLT_c11e89708604443eac068195f143f077_Title">
            <a:extLst>
              <a:ext uri="{FF2B5EF4-FFF2-40B4-BE49-F238E27FC236}">
                <a16:creationId xmlns:a16="http://schemas.microsoft.com/office/drawing/2014/main" id="{89E07C46-692F-87E0-C7D0-427C8D67E49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355932" y="3782060"/>
            <a:ext cx="1562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dirty="0">
                <a:solidFill>
                  <a:schemeClr val="dk1"/>
                </a:solidFill>
                <a:latin typeface="Arial Nova" panose="020B0504020202020204" pitchFamily="34" charset="0"/>
              </a:rPr>
              <a:t>Everyone gets dressed</a:t>
            </a:r>
          </a:p>
        </p:txBody>
      </p:sp>
      <p:sp>
        <p:nvSpPr>
          <p:cNvPr id="146" name="OTLSHAPE_SLT_b2b6cec3b94c4183bbf5efa282f5cb40_Title">
            <a:extLst>
              <a:ext uri="{FF2B5EF4-FFF2-40B4-BE49-F238E27FC236}">
                <a16:creationId xmlns:a16="http://schemas.microsoft.com/office/drawing/2014/main" id="{6F77BDB9-505C-8BDF-17E1-3255384E1DA8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385405" y="3971290"/>
            <a:ext cx="6223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Arial Nova" panose="020B0504020202020204" pitchFamily="34" charset="0"/>
              </a:rPr>
              <a:t>First look</a:t>
            </a:r>
          </a:p>
        </p:txBody>
      </p:sp>
      <p:sp>
        <p:nvSpPr>
          <p:cNvPr id="154" name="OTLSHAPE_SLT_8091d35f64fe487f96b6e60b287578c6_Title">
            <a:extLst>
              <a:ext uri="{FF2B5EF4-FFF2-40B4-BE49-F238E27FC236}">
                <a16:creationId xmlns:a16="http://schemas.microsoft.com/office/drawing/2014/main" id="{27A4F1AA-0699-DCFD-9D72-B2278996D84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208031" y="4212590"/>
            <a:ext cx="10795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4" dirty="0">
                <a:solidFill>
                  <a:schemeClr val="dk1"/>
                </a:solidFill>
                <a:latin typeface="Arial Nova" panose="020B0504020202020204" pitchFamily="34" charset="0"/>
              </a:rPr>
              <a:t>Couple portraits</a:t>
            </a:r>
          </a:p>
        </p:txBody>
      </p:sp>
      <p:sp>
        <p:nvSpPr>
          <p:cNvPr id="162" name="OTLSHAPE_SLT_1d4791acb71e4bb0819cb4de27bc2b6f_Title">
            <a:extLst>
              <a:ext uri="{FF2B5EF4-FFF2-40B4-BE49-F238E27FC236}">
                <a16:creationId xmlns:a16="http://schemas.microsoft.com/office/drawing/2014/main" id="{085D6D8B-4205-101F-3520-64ED5C05484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776875" y="4212590"/>
            <a:ext cx="15748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chemeClr val="dk1"/>
                </a:solidFill>
                <a:latin typeface="Arial Nova" panose="020B0504020202020204" pitchFamily="34" charset="0"/>
              </a:rPr>
              <a:t>Wedding party portraits</a:t>
            </a:r>
          </a:p>
        </p:txBody>
      </p:sp>
      <p:sp>
        <p:nvSpPr>
          <p:cNvPr id="170" name="OTLSHAPE_SLT_bb91bd72654041be874a336f488d3d1d_Title">
            <a:extLst>
              <a:ext uri="{FF2B5EF4-FFF2-40B4-BE49-F238E27FC236}">
                <a16:creationId xmlns:a16="http://schemas.microsoft.com/office/drawing/2014/main" id="{0D9667A2-55BF-62C7-7EDD-8B6EECA23C0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037854" y="4453890"/>
            <a:ext cx="1054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dk1"/>
                </a:solidFill>
                <a:latin typeface="Arial Nova" panose="020B0504020202020204" pitchFamily="34" charset="0"/>
              </a:rPr>
              <a:t>Family portraits</a:t>
            </a:r>
          </a:p>
        </p:txBody>
      </p:sp>
      <p:sp>
        <p:nvSpPr>
          <p:cNvPr id="173" name="OTLSHAPE_SLT_e42593cbe2f04407acdf9649c8f95de9_Duration">
            <a:extLst>
              <a:ext uri="{FF2B5EF4-FFF2-40B4-BE49-F238E27FC236}">
                <a16:creationId xmlns:a16="http://schemas.microsoft.com/office/drawing/2014/main" id="{D85634D4-9C08-BC0B-9FCE-ACF123F3389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281691" y="470530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E7E6E6"/>
                </a:solidFill>
                <a:latin typeface="Calibri" panose="020F0502020204030204" pitchFamily="34" charset="0"/>
              </a:rPr>
              <a:t>45 m</a:t>
            </a:r>
          </a:p>
        </p:txBody>
      </p:sp>
      <p:sp>
        <p:nvSpPr>
          <p:cNvPr id="178" name="OTLSHAPE_SLT_e42593cbe2f04407acdf9649c8f95de9_Title">
            <a:extLst>
              <a:ext uri="{FF2B5EF4-FFF2-40B4-BE49-F238E27FC236}">
                <a16:creationId xmlns:a16="http://schemas.microsoft.com/office/drawing/2014/main" id="{52D85C2B-0C47-F238-28FF-E4C2D7D1C97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755548" y="4695190"/>
            <a:ext cx="17653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dirty="0">
                <a:solidFill>
                  <a:schemeClr val="dk1"/>
                </a:solidFill>
                <a:latin typeface="Arial Nova" panose="020B0504020202020204" pitchFamily="34" charset="0"/>
              </a:rPr>
              <a:t>Travel to ceremony venue</a:t>
            </a:r>
          </a:p>
        </p:txBody>
      </p:sp>
      <p:sp>
        <p:nvSpPr>
          <p:cNvPr id="188" name="OTLSHAPE_SLT_6bdcae78b1d849b1a1ab3eda9b468800_JoinedDate">
            <a:extLst>
              <a:ext uri="{FF2B5EF4-FFF2-40B4-BE49-F238E27FC236}">
                <a16:creationId xmlns:a16="http://schemas.microsoft.com/office/drawing/2014/main" id="{97785028-C861-2ACF-2132-ABB6B00E7EB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188242" y="5242560"/>
            <a:ext cx="609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2" dirty="0">
                <a:solidFill>
                  <a:schemeClr val="lt1"/>
                </a:solidFill>
                <a:latin typeface="Arial Nova" panose="020B0504020202020204" pitchFamily="34" charset="0"/>
              </a:rPr>
              <a:t>16:30 - 17:30</a:t>
            </a:r>
          </a:p>
        </p:txBody>
      </p:sp>
      <p:sp>
        <p:nvSpPr>
          <p:cNvPr id="189" name="OTLSHAPE_SLT_6bdcae78b1d849b1a1ab3eda9b468800_Title">
            <a:extLst>
              <a:ext uri="{FF2B5EF4-FFF2-40B4-BE49-F238E27FC236}">
                <a16:creationId xmlns:a16="http://schemas.microsoft.com/office/drawing/2014/main" id="{B46C40CD-5D68-1DBC-7DB2-B3C786162F1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096217" y="5024120"/>
            <a:ext cx="901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0" dirty="0">
                <a:solidFill>
                  <a:schemeClr val="dk1"/>
                </a:solidFill>
                <a:latin typeface="Arial Nova" panose="020B0504020202020204" pitchFamily="34" charset="0"/>
              </a:rPr>
              <a:t>Cocktail hour</a:t>
            </a:r>
          </a:p>
        </p:txBody>
      </p:sp>
      <p:sp>
        <p:nvSpPr>
          <p:cNvPr id="197" name="OTLSHAPE_SLT_e56b09dbee144138ab7de81fd6a19248_Title">
            <a:extLst>
              <a:ext uri="{FF2B5EF4-FFF2-40B4-BE49-F238E27FC236}">
                <a16:creationId xmlns:a16="http://schemas.microsoft.com/office/drawing/2014/main" id="{DE355C6F-DFFB-C0FE-BC09-C6A76FCA7E7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125691" y="5213350"/>
            <a:ext cx="1549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schemeClr val="dk1"/>
                </a:solidFill>
                <a:latin typeface="Arial Nova" panose="020B0504020202020204" pitchFamily="34" charset="0"/>
              </a:rPr>
              <a:t>Guests enter reception</a:t>
            </a:r>
          </a:p>
        </p:txBody>
      </p:sp>
      <p:sp>
        <p:nvSpPr>
          <p:cNvPr id="205" name="OTLSHAPE_SLT_2c9d10a63eda46d6b62620ddeaa13e20_Title">
            <a:extLst>
              <a:ext uri="{FF2B5EF4-FFF2-40B4-BE49-F238E27FC236}">
                <a16:creationId xmlns:a16="http://schemas.microsoft.com/office/drawing/2014/main" id="{F4B93A41-21A4-BC69-85BF-0559F707D62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466038" y="5454650"/>
            <a:ext cx="76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>
                <a:solidFill>
                  <a:schemeClr val="dk1"/>
                </a:solidFill>
                <a:latin typeface="Arial Nova" panose="020B0504020202020204" pitchFamily="34" charset="0"/>
              </a:rPr>
              <a:t>First dance</a:t>
            </a:r>
          </a:p>
        </p:txBody>
      </p:sp>
      <p:sp>
        <p:nvSpPr>
          <p:cNvPr id="213" name="OTLSHAPE_SLT_bd178ee031d84f3a81465237e5632738_Title">
            <a:extLst>
              <a:ext uri="{FF2B5EF4-FFF2-40B4-BE49-F238E27FC236}">
                <a16:creationId xmlns:a16="http://schemas.microsoft.com/office/drawing/2014/main" id="{8783578D-6862-EFEA-2B22-0D7EFBE8D8B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712895" y="5454650"/>
            <a:ext cx="1092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dirty="0">
                <a:solidFill>
                  <a:schemeClr val="dk1"/>
                </a:solidFill>
                <a:latin typeface="Arial Nova" panose="020B0504020202020204" pitchFamily="34" charset="0"/>
              </a:rPr>
              <a:t>Welcome toasts</a:t>
            </a:r>
          </a:p>
        </p:txBody>
      </p:sp>
      <p:sp>
        <p:nvSpPr>
          <p:cNvPr id="220" name="OTLSHAPE_SLT_886729a839f743fa853d0ce17fa00a9a_JoinedDate">
            <a:extLst>
              <a:ext uri="{FF2B5EF4-FFF2-40B4-BE49-F238E27FC236}">
                <a16:creationId xmlns:a16="http://schemas.microsoft.com/office/drawing/2014/main" id="{3C3EB3CD-0CE6-D512-8B96-191AE623E70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684065" y="5721562"/>
            <a:ext cx="5461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lt1"/>
                </a:solidFill>
                <a:latin typeface="Calibri" panose="020F0502020204030204" pitchFamily="34" charset="0"/>
              </a:rPr>
              <a:t>18:30 - 19:15</a:t>
            </a:r>
          </a:p>
        </p:txBody>
      </p:sp>
      <p:sp>
        <p:nvSpPr>
          <p:cNvPr id="221" name="OTLSHAPE_SLT_886729a839f743fa853d0ce17fa00a9a_Title">
            <a:extLst>
              <a:ext uri="{FF2B5EF4-FFF2-40B4-BE49-F238E27FC236}">
                <a16:creationId xmlns:a16="http://schemas.microsoft.com/office/drawing/2014/main" id="{0CCB8E83-7FA2-0034-2111-4C42201E07E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162350" y="5695950"/>
            <a:ext cx="457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20" dirty="0">
                <a:solidFill>
                  <a:schemeClr val="dk1"/>
                </a:solidFill>
                <a:latin typeface="Arial Nova" panose="020B0504020202020204" pitchFamily="34" charset="0"/>
              </a:rPr>
              <a:t>Dinner</a:t>
            </a:r>
          </a:p>
        </p:txBody>
      </p:sp>
      <p:sp>
        <p:nvSpPr>
          <p:cNvPr id="229" name="OTLSHAPE_SLT_a9cfd0fdac814b159f405fbbe2fb98ed_Title">
            <a:extLst>
              <a:ext uri="{FF2B5EF4-FFF2-40B4-BE49-F238E27FC236}">
                <a16:creationId xmlns:a16="http://schemas.microsoft.com/office/drawing/2014/main" id="{0A462FBD-EE79-0785-6739-F831D50BD87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978833" y="5937250"/>
            <a:ext cx="1231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>
                <a:solidFill>
                  <a:schemeClr val="dk1"/>
                </a:solidFill>
                <a:latin typeface="Arial Nova" panose="020B0504020202020204" pitchFamily="34" charset="0"/>
              </a:rPr>
              <a:t>Bridal party toasts</a:t>
            </a:r>
          </a:p>
        </p:txBody>
      </p:sp>
      <p:sp>
        <p:nvSpPr>
          <p:cNvPr id="236" name="OTLSHAPE_SLT_b15cc4ec3f6346f3b13c7d37a97dd87c_JoinedDate">
            <a:extLst>
              <a:ext uri="{FF2B5EF4-FFF2-40B4-BE49-F238E27FC236}">
                <a16:creationId xmlns:a16="http://schemas.microsoft.com/office/drawing/2014/main" id="{AD39E266-85B4-9262-0702-8E8382E82E4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467004" y="5721562"/>
            <a:ext cx="5461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lt1"/>
                </a:solidFill>
                <a:latin typeface="Calibri" panose="020F0502020204030204" pitchFamily="34" charset="0"/>
              </a:rPr>
              <a:t>19:30 - 20:15</a:t>
            </a:r>
          </a:p>
        </p:txBody>
      </p:sp>
      <p:sp>
        <p:nvSpPr>
          <p:cNvPr id="237" name="OTLSHAPE_SLT_b15cc4ec3f6346f3b13c7d37a97dd87c_Title">
            <a:extLst>
              <a:ext uri="{FF2B5EF4-FFF2-40B4-BE49-F238E27FC236}">
                <a16:creationId xmlns:a16="http://schemas.microsoft.com/office/drawing/2014/main" id="{AADF4100-41CD-A6A3-5C43-22933A1A158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083038" y="5695950"/>
            <a:ext cx="9906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dk1"/>
                </a:solidFill>
                <a:latin typeface="Arial Nova" panose="020B0504020202020204" pitchFamily="34" charset="0"/>
              </a:rPr>
              <a:t>Family dances</a:t>
            </a:r>
          </a:p>
        </p:txBody>
      </p:sp>
      <p:sp>
        <p:nvSpPr>
          <p:cNvPr id="245" name="OTLSHAPE_SLT_916129f8a0b4496a9617e121ec577980_Title">
            <a:extLst>
              <a:ext uri="{FF2B5EF4-FFF2-40B4-BE49-F238E27FC236}">
                <a16:creationId xmlns:a16="http://schemas.microsoft.com/office/drawing/2014/main" id="{823BF0FB-BC7C-D7B1-26ED-62F539D6228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278772" y="5937250"/>
            <a:ext cx="1816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 dirty="0">
                <a:solidFill>
                  <a:schemeClr val="dk1"/>
                </a:solidFill>
                <a:latin typeface="Arial Nova" panose="020B0504020202020204" pitchFamily="34" charset="0"/>
              </a:rPr>
              <a:t>Cake cutting, bouquet toss</a:t>
            </a:r>
          </a:p>
        </p:txBody>
      </p:sp>
      <p:sp>
        <p:nvSpPr>
          <p:cNvPr id="252" name="OTLSHAPE_SLT_6d66e3c55a1147fa931f2618ac8238e7_JoinedDate">
            <a:extLst>
              <a:ext uri="{FF2B5EF4-FFF2-40B4-BE49-F238E27FC236}">
                <a16:creationId xmlns:a16="http://schemas.microsoft.com/office/drawing/2014/main" id="{6DEB37FF-2B0E-3C61-6958-69F53FC92E8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809334" y="6207760"/>
            <a:ext cx="6096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2" dirty="0">
                <a:solidFill>
                  <a:schemeClr val="lt1"/>
                </a:solidFill>
                <a:latin typeface="Arial Nova" panose="020B0504020202020204" pitchFamily="34" charset="0"/>
              </a:rPr>
              <a:t>20:30 - 22:45</a:t>
            </a:r>
          </a:p>
        </p:txBody>
      </p:sp>
      <p:sp>
        <p:nvSpPr>
          <p:cNvPr id="253" name="OTLSHAPE_SLT_6d66e3c55a1147fa931f2618ac8238e7_Title">
            <a:extLst>
              <a:ext uri="{FF2B5EF4-FFF2-40B4-BE49-F238E27FC236}">
                <a16:creationId xmlns:a16="http://schemas.microsoft.com/office/drawing/2014/main" id="{2F68E14E-0082-37E2-6BD7-D4FE6040018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008053" y="6178550"/>
            <a:ext cx="1181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2" dirty="0">
                <a:solidFill>
                  <a:schemeClr val="dk1"/>
                </a:solidFill>
                <a:latin typeface="Arial Nova" panose="020B0504020202020204" pitchFamily="34" charset="0"/>
              </a:rPr>
              <a:t>Open dance floor</a:t>
            </a:r>
          </a:p>
        </p:txBody>
      </p:sp>
      <p:sp>
        <p:nvSpPr>
          <p:cNvPr id="261" name="OTLSHAPE_SLT_8a79298295934f599fc39b10398eca7c_Title">
            <a:extLst>
              <a:ext uri="{FF2B5EF4-FFF2-40B4-BE49-F238E27FC236}">
                <a16:creationId xmlns:a16="http://schemas.microsoft.com/office/drawing/2014/main" id="{DAB72FCF-2CBC-B2ED-750C-F8C190EDBB6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193210" y="6419850"/>
            <a:ext cx="7493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6" dirty="0">
                <a:solidFill>
                  <a:schemeClr val="dk1"/>
                </a:solidFill>
                <a:latin typeface="Arial Nova" panose="020B0504020202020204" pitchFamily="34" charset="0"/>
              </a:rPr>
              <a:t>Last dance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6C8E1EC0-2B21-B3B1-BFFB-1BD4A34CEA2A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1789837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>
            <a:extLst>
              <a:ext uri="{FF2B5EF4-FFF2-40B4-BE49-F238E27FC236}">
                <a16:creationId xmlns:a16="http://schemas.microsoft.com/office/drawing/2014/main" id="{DC948127-58A7-7697-8119-2AA79F3C98F3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1398476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>
            <a:extLst>
              <a:ext uri="{FF2B5EF4-FFF2-40B4-BE49-F238E27FC236}">
                <a16:creationId xmlns:a16="http://schemas.microsoft.com/office/drawing/2014/main" id="{D1FD341A-A7A9-0141-3F06-0B077F6E35EB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1398476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>
            <a:extLst>
              <a:ext uri="{FF2B5EF4-FFF2-40B4-BE49-F238E27FC236}">
                <a16:creationId xmlns:a16="http://schemas.microsoft.com/office/drawing/2014/main" id="{46F3A682-594A-D35A-A7AA-9E14470A0796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2572776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>
            <a:extLst>
              <a:ext uri="{FF2B5EF4-FFF2-40B4-BE49-F238E27FC236}">
                <a16:creationId xmlns:a16="http://schemas.microsoft.com/office/drawing/2014/main" id="{A4D93D21-4298-958F-5B12-BED3C214516C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2181415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>
            <a:extLst>
              <a:ext uri="{FF2B5EF4-FFF2-40B4-BE49-F238E27FC236}">
                <a16:creationId xmlns:a16="http://schemas.microsoft.com/office/drawing/2014/main" id="{219FA7A0-6671-1D88-B4CB-07ABC37E180D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2181415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>
            <a:extLst>
              <a:ext uri="{FF2B5EF4-FFF2-40B4-BE49-F238E27FC236}">
                <a16:creationId xmlns:a16="http://schemas.microsoft.com/office/drawing/2014/main" id="{A10B4073-B07A-3BB5-7B9B-F62DF10DF88C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3355715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>
            <a:extLst>
              <a:ext uri="{FF2B5EF4-FFF2-40B4-BE49-F238E27FC236}">
                <a16:creationId xmlns:a16="http://schemas.microsoft.com/office/drawing/2014/main" id="{17E05A16-D8AA-AE3D-0096-22D2B59A2F4D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2964354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>
            <a:extLst>
              <a:ext uri="{FF2B5EF4-FFF2-40B4-BE49-F238E27FC236}">
                <a16:creationId xmlns:a16="http://schemas.microsoft.com/office/drawing/2014/main" id="{5933F0FF-8EDC-CE5D-4AD5-894D1F560FE4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2964354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>
            <a:extLst>
              <a:ext uri="{FF2B5EF4-FFF2-40B4-BE49-F238E27FC236}">
                <a16:creationId xmlns:a16="http://schemas.microsoft.com/office/drawing/2014/main" id="{3CA794F7-8C7F-E88C-DFEB-5AB8557ECF1A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4138653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>
            <a:extLst>
              <a:ext uri="{FF2B5EF4-FFF2-40B4-BE49-F238E27FC236}">
                <a16:creationId xmlns:a16="http://schemas.microsoft.com/office/drawing/2014/main" id="{96B3F3D4-A01F-E33F-7D7E-3CA0F18446E5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3747293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>
            <a:extLst>
              <a:ext uri="{FF2B5EF4-FFF2-40B4-BE49-F238E27FC236}">
                <a16:creationId xmlns:a16="http://schemas.microsoft.com/office/drawing/2014/main" id="{2B582234-5642-25CE-9AAE-5B574420F672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3747293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>
            <a:extLst>
              <a:ext uri="{FF2B5EF4-FFF2-40B4-BE49-F238E27FC236}">
                <a16:creationId xmlns:a16="http://schemas.microsoft.com/office/drawing/2014/main" id="{C0BBDEEF-ADEA-F451-7420-71BBD3FBCC67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4921592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>
            <a:extLst>
              <a:ext uri="{FF2B5EF4-FFF2-40B4-BE49-F238E27FC236}">
                <a16:creationId xmlns:a16="http://schemas.microsoft.com/office/drawing/2014/main" id="{3100938B-94C8-9DD2-5DD0-5E51C3F595B2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4530231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>
            <a:extLst>
              <a:ext uri="{FF2B5EF4-FFF2-40B4-BE49-F238E27FC236}">
                <a16:creationId xmlns:a16="http://schemas.microsoft.com/office/drawing/2014/main" id="{B76A9AEF-0045-AACF-8551-C257745B65BC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4530231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>
            <a:extLst>
              <a:ext uri="{FF2B5EF4-FFF2-40B4-BE49-F238E27FC236}">
                <a16:creationId xmlns:a16="http://schemas.microsoft.com/office/drawing/2014/main" id="{79F6D211-790A-1479-BA31-C06FD72708F1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5704530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>
            <a:extLst>
              <a:ext uri="{FF2B5EF4-FFF2-40B4-BE49-F238E27FC236}">
                <a16:creationId xmlns:a16="http://schemas.microsoft.com/office/drawing/2014/main" id="{67138899-391D-15FB-8336-814DABE49759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5313170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>
            <a:extLst>
              <a:ext uri="{FF2B5EF4-FFF2-40B4-BE49-F238E27FC236}">
                <a16:creationId xmlns:a16="http://schemas.microsoft.com/office/drawing/2014/main" id="{8F621C99-973A-EB4F-4CE6-405C66F19400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5313170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7">
            <a:extLst>
              <a:ext uri="{FF2B5EF4-FFF2-40B4-BE49-F238E27FC236}">
                <a16:creationId xmlns:a16="http://schemas.microsoft.com/office/drawing/2014/main" id="{6BB226BA-0E42-633E-4D90-1F7222780C80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6487470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MinorTickMarkAbove7">
            <a:extLst>
              <a:ext uri="{FF2B5EF4-FFF2-40B4-BE49-F238E27FC236}">
                <a16:creationId xmlns:a16="http://schemas.microsoft.com/office/drawing/2014/main" id="{E8BBBC6F-F37A-84A9-0690-905C0A4C2F8C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6096109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MinorTickMarkBelow7">
            <a:extLst>
              <a:ext uri="{FF2B5EF4-FFF2-40B4-BE49-F238E27FC236}">
                <a16:creationId xmlns:a16="http://schemas.microsoft.com/office/drawing/2014/main" id="{B1A22310-FB1B-50DE-1D21-160B905BDF5C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6096109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8">
            <a:extLst>
              <a:ext uri="{FF2B5EF4-FFF2-40B4-BE49-F238E27FC236}">
                <a16:creationId xmlns:a16="http://schemas.microsoft.com/office/drawing/2014/main" id="{9C4A920F-0262-9F36-62F8-C8ABCBE7F610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7270408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MinorTickMarkAbove8">
            <a:extLst>
              <a:ext uri="{FF2B5EF4-FFF2-40B4-BE49-F238E27FC236}">
                <a16:creationId xmlns:a16="http://schemas.microsoft.com/office/drawing/2014/main" id="{14F5837B-025F-7AC9-105E-C5F337D5D385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6879048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MinorTickMarkBelow8">
            <a:extLst>
              <a:ext uri="{FF2B5EF4-FFF2-40B4-BE49-F238E27FC236}">
                <a16:creationId xmlns:a16="http://schemas.microsoft.com/office/drawing/2014/main" id="{6F4FADCA-7224-0D0D-2827-947189A18AE3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6879048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9">
            <a:extLst>
              <a:ext uri="{FF2B5EF4-FFF2-40B4-BE49-F238E27FC236}">
                <a16:creationId xmlns:a16="http://schemas.microsoft.com/office/drawing/2014/main" id="{3613589A-48DB-44BA-9159-6DA8A447588D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8053346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MinorTickMarkAbove9">
            <a:extLst>
              <a:ext uri="{FF2B5EF4-FFF2-40B4-BE49-F238E27FC236}">
                <a16:creationId xmlns:a16="http://schemas.microsoft.com/office/drawing/2014/main" id="{B3F0BD51-9E06-74A1-5354-49F0DD1F31FC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7661986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MinorTickMarkBelow9">
            <a:extLst>
              <a:ext uri="{FF2B5EF4-FFF2-40B4-BE49-F238E27FC236}">
                <a16:creationId xmlns:a16="http://schemas.microsoft.com/office/drawing/2014/main" id="{75016315-FD30-0419-B080-A86CEDA2F822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7661986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Separator10">
            <a:extLst>
              <a:ext uri="{FF2B5EF4-FFF2-40B4-BE49-F238E27FC236}">
                <a16:creationId xmlns:a16="http://schemas.microsoft.com/office/drawing/2014/main" id="{416B2DB0-B6FB-FE42-175A-68A9DD31AF23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8836285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MinorTickMarkAbove10">
            <a:extLst>
              <a:ext uri="{FF2B5EF4-FFF2-40B4-BE49-F238E27FC236}">
                <a16:creationId xmlns:a16="http://schemas.microsoft.com/office/drawing/2014/main" id="{137DA979-4F51-0B20-4D89-43E7AFD07D84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8444925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MinorTickMarkBelow10">
            <a:extLst>
              <a:ext uri="{FF2B5EF4-FFF2-40B4-BE49-F238E27FC236}">
                <a16:creationId xmlns:a16="http://schemas.microsoft.com/office/drawing/2014/main" id="{26BAAC51-2C94-13A2-FB6A-CFD9480F5EC2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8444925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B_00000000000000000000000000000000_Separator11">
            <a:extLst>
              <a:ext uri="{FF2B5EF4-FFF2-40B4-BE49-F238E27FC236}">
                <a16:creationId xmlns:a16="http://schemas.microsoft.com/office/drawing/2014/main" id="{275C5B78-5F93-5D81-E47D-074D6CC3B58D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9619224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B_00000000000000000000000000000000_MinorTickMarkAbove11">
            <a:extLst>
              <a:ext uri="{FF2B5EF4-FFF2-40B4-BE49-F238E27FC236}">
                <a16:creationId xmlns:a16="http://schemas.microsoft.com/office/drawing/2014/main" id="{A4EE7A73-5FBD-57B6-017B-220E899B8B03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9227864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MinorTickMarkBelow11">
            <a:extLst>
              <a:ext uri="{FF2B5EF4-FFF2-40B4-BE49-F238E27FC236}">
                <a16:creationId xmlns:a16="http://schemas.microsoft.com/office/drawing/2014/main" id="{A04BB026-E613-40FE-BD7B-7B3B1DCDEBAA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9227864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Separator12">
            <a:extLst>
              <a:ext uri="{FF2B5EF4-FFF2-40B4-BE49-F238E27FC236}">
                <a16:creationId xmlns:a16="http://schemas.microsoft.com/office/drawing/2014/main" id="{31AECC6D-9910-AD99-EB3E-446F7C78063E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10402163" y="27432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MinorTickMarkAbove12">
            <a:extLst>
              <a:ext uri="{FF2B5EF4-FFF2-40B4-BE49-F238E27FC236}">
                <a16:creationId xmlns:a16="http://schemas.microsoft.com/office/drawing/2014/main" id="{6BEE84D5-B58C-8EA4-9DB6-3E24B97A698E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10010802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B_00000000000000000000000000000000_MinorTickMarkBelow12">
            <a:extLst>
              <a:ext uri="{FF2B5EF4-FFF2-40B4-BE49-F238E27FC236}">
                <a16:creationId xmlns:a16="http://schemas.microsoft.com/office/drawing/2014/main" id="{56FB9542-86F8-42C6-5D23-2DBA0505ABC2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10010802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MinorTickMarkAbove13">
            <a:extLst>
              <a:ext uri="{FF2B5EF4-FFF2-40B4-BE49-F238E27FC236}">
                <a16:creationId xmlns:a16="http://schemas.microsoft.com/office/drawing/2014/main" id="{B066850E-9F9E-4C06-3335-B196A45FE4E2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10793850" y="27432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TB_00000000000000000000000000000000_MinorTickMarkBelow13">
            <a:extLst>
              <a:ext uri="{FF2B5EF4-FFF2-40B4-BE49-F238E27FC236}">
                <a16:creationId xmlns:a16="http://schemas.microsoft.com/office/drawing/2014/main" id="{4A2174F9-9F51-CFE5-57E9-2D148AD4A008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10793850" y="30765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7" name="OTLSHAPE_M_9984645850124d4ab020fe82a64a88c5_Shape">
            <a:extLst>
              <a:ext uri="{FF2B5EF4-FFF2-40B4-BE49-F238E27FC236}">
                <a16:creationId xmlns:a16="http://schemas.microsoft.com/office/drawing/2014/main" id="{2635815D-B0E4-C08B-ACD9-A23564DEAAA5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2837463" y="2552700"/>
            <a:ext cx="254000" cy="254000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148" name="OTLSHAPE_M_5f0e2865f1ec4f509dd0ac52d1130e69_Shape">
            <a:extLst>
              <a:ext uri="{FF2B5EF4-FFF2-40B4-BE49-F238E27FC236}">
                <a16:creationId xmlns:a16="http://schemas.microsoft.com/office/drawing/2014/main" id="{4AC77186-5D3D-AD69-E923-8B0B9201CFD7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6960591" y="2552700"/>
            <a:ext cx="228600" cy="254000"/>
          </a:xfrm>
          <a:prstGeom prst="hear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155" name="OTLSHAPE_M_fde96dc20f4b413b8b0964340aacd9df_Shape">
            <a:extLst>
              <a:ext uri="{FF2B5EF4-FFF2-40B4-BE49-F238E27FC236}">
                <a16:creationId xmlns:a16="http://schemas.microsoft.com/office/drawing/2014/main" id="{91081E6A-23C2-C4BF-03C0-D4EAB816E182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 flipV="1">
            <a:off x="11071019" y="2552700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231" name="OTLSHAPE_M_673bb733b0724f728da03f64fd41ae1d_Shape">
            <a:extLst>
              <a:ext uri="{FF2B5EF4-FFF2-40B4-BE49-F238E27FC236}">
                <a16:creationId xmlns:a16="http://schemas.microsoft.com/office/drawing/2014/main" id="{D239AD43-8073-8EBA-50C9-1C74D26CA905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5552348" y="247650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 Nova" panose="020B0504020202020204" pitchFamily="34" charset="0"/>
            </a:endParaRPr>
          </a:p>
        </p:txBody>
      </p:sp>
      <p:sp>
        <p:nvSpPr>
          <p:cNvPr id="82" name="OTLSHAPE_M_5f0e2865f1ec4f509dd0ac52d1130e69_Title">
            <a:extLst>
              <a:ext uri="{FF2B5EF4-FFF2-40B4-BE49-F238E27FC236}">
                <a16:creationId xmlns:a16="http://schemas.microsoft.com/office/drawing/2014/main" id="{D36D7B85-99EE-44CE-65BC-1BCE5A41E357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562319" y="2005330"/>
            <a:ext cx="1028700" cy="350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Arial Nova" panose="020B0504020202020204" pitchFamily="34" charset="0"/>
              </a:rPr>
              <a:t>Newlyweds </a:t>
            </a:r>
            <a:br>
              <a:rPr lang="en-US" sz="1200" spc="-12" dirty="0">
                <a:solidFill>
                  <a:schemeClr val="dk1"/>
                </a:solidFill>
                <a:latin typeface="Arial Nova" panose="020B0504020202020204" pitchFamily="34" charset="0"/>
              </a:rPr>
            </a:br>
            <a:r>
              <a:rPr lang="en-US" sz="1200" spc="-12" dirty="0">
                <a:solidFill>
                  <a:schemeClr val="dk1"/>
                </a:solidFill>
                <a:latin typeface="Arial Nova" panose="020B0504020202020204" pitchFamily="34" charset="0"/>
              </a:rPr>
              <a:t>grand entrance</a:t>
            </a:r>
          </a:p>
        </p:txBody>
      </p:sp>
      <p:sp>
        <p:nvSpPr>
          <p:cNvPr id="83" name="OTLSHAPE_M_5f0e2865f1ec4f509dd0ac52d1130e69_Date">
            <a:extLst>
              <a:ext uri="{FF2B5EF4-FFF2-40B4-BE49-F238E27FC236}">
                <a16:creationId xmlns:a16="http://schemas.microsoft.com/office/drawing/2014/main" id="{E5D1B1E2-0563-C202-DAC8-98C267CDEA2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916035" y="2381250"/>
            <a:ext cx="330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2"/>
                </a:solidFill>
                <a:latin typeface="Arial Nova" panose="020B0504020202020204" pitchFamily="34" charset="0"/>
              </a:rPr>
              <a:t>17:45</a:t>
            </a:r>
          </a:p>
        </p:txBody>
      </p:sp>
      <p:sp>
        <p:nvSpPr>
          <p:cNvPr id="85" name="OTLSHAPE_M_fde96dc20f4b413b8b0964340aacd9df_Title">
            <a:extLst>
              <a:ext uri="{FF2B5EF4-FFF2-40B4-BE49-F238E27FC236}">
                <a16:creationId xmlns:a16="http://schemas.microsoft.com/office/drawing/2014/main" id="{C620F73C-7104-D782-2E73-4A1CA2D5A75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751466" y="2180590"/>
            <a:ext cx="8763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6" dirty="0">
                <a:solidFill>
                  <a:schemeClr val="dk1"/>
                </a:solidFill>
                <a:latin typeface="Arial Nova" panose="020B0504020202020204" pitchFamily="34" charset="0"/>
              </a:rPr>
              <a:t>Couple's exit</a:t>
            </a:r>
          </a:p>
        </p:txBody>
      </p:sp>
      <p:sp>
        <p:nvSpPr>
          <p:cNvPr id="86" name="OTLSHAPE_M_fde96dc20f4b413b8b0964340aacd9df_Date">
            <a:extLst>
              <a:ext uri="{FF2B5EF4-FFF2-40B4-BE49-F238E27FC236}">
                <a16:creationId xmlns:a16="http://schemas.microsoft.com/office/drawing/2014/main" id="{1F247DCB-C9C9-C579-44C7-D7271E193F4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1026463" y="2381250"/>
            <a:ext cx="330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2"/>
                </a:solidFill>
                <a:latin typeface="Arial Nova" panose="020B0504020202020204" pitchFamily="34" charset="0"/>
              </a:rPr>
              <a:t>23:00</a:t>
            </a:r>
          </a:p>
        </p:txBody>
      </p:sp>
      <p:sp>
        <p:nvSpPr>
          <p:cNvPr id="263" name="OTLSHAPE_M_673bb733b0724f728da03f64fd41ae1d_Title">
            <a:extLst>
              <a:ext uri="{FF2B5EF4-FFF2-40B4-BE49-F238E27FC236}">
                <a16:creationId xmlns:a16="http://schemas.microsoft.com/office/drawing/2014/main" id="{FC71B0FA-087B-7673-7908-16F895EDA8F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179603" y="1812290"/>
            <a:ext cx="1054100" cy="4673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dirty="0">
                <a:solidFill>
                  <a:schemeClr val="accent3"/>
                </a:solidFill>
                <a:latin typeface="Arial Nova" panose="020B0504020202020204" pitchFamily="34" charset="0"/>
              </a:rPr>
              <a:t>Ceremony begins</a:t>
            </a:r>
          </a:p>
        </p:txBody>
      </p:sp>
      <p:sp>
        <p:nvSpPr>
          <p:cNvPr id="264" name="OTLSHAPE_M_673bb733b0724f728da03f64fd41ae1d_Date">
            <a:extLst>
              <a:ext uri="{FF2B5EF4-FFF2-40B4-BE49-F238E27FC236}">
                <a16:creationId xmlns:a16="http://schemas.microsoft.com/office/drawing/2014/main" id="{E5A4507B-0C7C-0620-3D62-E98936081601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545892" y="2305050"/>
            <a:ext cx="330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2"/>
                </a:solidFill>
                <a:latin typeface="Arial Nova" panose="020B0504020202020204" pitchFamily="34" charset="0"/>
              </a:rPr>
              <a:t>16:00</a:t>
            </a:r>
          </a:p>
        </p:txBody>
      </p:sp>
      <p:sp>
        <p:nvSpPr>
          <p:cNvPr id="278" name="OTLSHAPE_M_9984645850124d4ab020fe82a64a88c5_Title">
            <a:extLst>
              <a:ext uri="{FF2B5EF4-FFF2-40B4-BE49-F238E27FC236}">
                <a16:creationId xmlns:a16="http://schemas.microsoft.com/office/drawing/2014/main" id="{BD3E66D8-ADD5-DCFA-F90A-58F839EA91D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252903" y="2180590"/>
            <a:ext cx="1435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Arial Nova" panose="020B0504020202020204" pitchFamily="34" charset="0"/>
              </a:rPr>
              <a:t>Photographer arrives</a:t>
            </a:r>
          </a:p>
        </p:txBody>
      </p:sp>
      <p:sp>
        <p:nvSpPr>
          <p:cNvPr id="279" name="OTLSHAPE_M_9984645850124d4ab020fe82a64a88c5_Date">
            <a:extLst>
              <a:ext uri="{FF2B5EF4-FFF2-40B4-BE49-F238E27FC236}">
                <a16:creationId xmlns:a16="http://schemas.microsoft.com/office/drawing/2014/main" id="{7C801277-5B29-2FD4-6BF6-15D38710ECC1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2805607" y="2381250"/>
            <a:ext cx="330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2"/>
                </a:solidFill>
                <a:latin typeface="Arial Nova" panose="020B0504020202020204" pitchFamily="34" charset="0"/>
              </a:rPr>
              <a:t>12:30</a:t>
            </a: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99BC8124-87E5-3C37-2DD1-2CE5705A03FC}"/>
              </a:ext>
            </a:extLst>
          </p:cNvPr>
          <p:cNvSpPr txBox="1"/>
          <p:nvPr/>
        </p:nvSpPr>
        <p:spPr>
          <a:xfrm>
            <a:off x="3174771" y="777795"/>
            <a:ext cx="584245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400" dirty="0">
                <a:solidFill>
                  <a:schemeClr val="tx2"/>
                </a:solidFill>
                <a:latin typeface="Arial Nova" panose="020B0504020202020204" pitchFamily="34" charset="0"/>
              </a:rPr>
              <a:t>Wedding Timeline</a:t>
            </a:r>
          </a:p>
        </p:txBody>
      </p:sp>
      <p:sp>
        <p:nvSpPr>
          <p:cNvPr id="238" name="TextBox 237">
            <a:extLst>
              <a:ext uri="{FF2B5EF4-FFF2-40B4-BE49-F238E27FC236}">
                <a16:creationId xmlns:a16="http://schemas.microsoft.com/office/drawing/2014/main" id="{1AD89526-CF91-4FEC-B4C0-B787FAAC5188}"/>
              </a:ext>
            </a:extLst>
          </p:cNvPr>
          <p:cNvSpPr txBox="1"/>
          <p:nvPr/>
        </p:nvSpPr>
        <p:spPr>
          <a:xfrm>
            <a:off x="3293235" y="262980"/>
            <a:ext cx="56055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accent6">
                    <a:lumMod val="50000"/>
                  </a:schemeClr>
                </a:solidFill>
                <a:latin typeface="Baguet Script" panose="00000500000000000000" pitchFamily="2" charset="0"/>
              </a:rPr>
              <a:t>John &amp; Jane</a:t>
            </a: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C6DCC8B2-EEE7-44F6-B6B1-3B0F61F7DCBE}"/>
              </a:ext>
            </a:extLst>
          </p:cNvPr>
          <p:cNvSpPr txBox="1"/>
          <p:nvPr/>
        </p:nvSpPr>
        <p:spPr>
          <a:xfrm>
            <a:off x="63500" y="2705100"/>
            <a:ext cx="903803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100" dirty="0">
                <a:latin typeface="Arial Nova" panose="020B0504020202020204" pitchFamily="34" charset="0"/>
              </a:rPr>
              <a:t>Sunday </a:t>
            </a:r>
            <a:br>
              <a:rPr lang="en-US" sz="1100" dirty="0">
                <a:latin typeface="Arial Nova" panose="020B0504020202020204" pitchFamily="34" charset="0"/>
              </a:rPr>
            </a:br>
            <a:r>
              <a:rPr lang="en-US" sz="1100" dirty="0">
                <a:latin typeface="Arial Nova" panose="020B0504020202020204" pitchFamily="34" charset="0"/>
              </a:rPr>
              <a:t>29 Feb ‘24</a:t>
            </a:r>
          </a:p>
        </p:txBody>
      </p:sp>
      <p:pic>
        <p:nvPicPr>
          <p:cNvPr id="90" name="Picture 89">
            <a:extLst>
              <a:ext uri="{FF2B5EF4-FFF2-40B4-BE49-F238E27FC236}">
                <a16:creationId xmlns:a16="http://schemas.microsoft.com/office/drawing/2014/main" id="{CFC5DC13-E2DD-6CA6-6534-3ED57CF2DB17}"/>
              </a:ext>
            </a:extLst>
          </p:cNvPr>
          <p:cNvPicPr>
            <a:picLocks noChangeAspect="1"/>
          </p:cNvPicPr>
          <p:nvPr/>
        </p:nvPicPr>
        <p:blipFill>
          <a:blip r:embed="rId1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33127" y="5407669"/>
            <a:ext cx="2333128" cy="321429"/>
          </a:xfrm>
          <a:prstGeom prst="rect">
            <a:avLst/>
          </a:prstGeom>
        </p:spPr>
      </p:pic>
      <p:pic>
        <p:nvPicPr>
          <p:cNvPr id="5" name="Graphic 4" descr="A small branch with flower buds">
            <a:extLst>
              <a:ext uri="{FF2B5EF4-FFF2-40B4-BE49-F238E27FC236}">
                <a16:creationId xmlns:a16="http://schemas.microsoft.com/office/drawing/2014/main" id="{7F9914EA-EA68-580D-25EC-8462A0282F7F}"/>
              </a:ext>
            </a:extLst>
          </p:cNvPr>
          <p:cNvPicPr>
            <a:picLocks noChangeAspect="1"/>
          </p:cNvPicPr>
          <p:nvPr/>
        </p:nvPicPr>
        <p:blipFill>
          <a:blip r:embed="rId1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8"/>
              </a:ext>
            </a:extLst>
          </a:blip>
          <a:stretch>
            <a:fillRect/>
          </a:stretch>
        </p:blipFill>
        <p:spPr>
          <a:xfrm rot="16200000" flipV="1">
            <a:off x="-613454" y="-255982"/>
            <a:ext cx="2528013" cy="2528013"/>
          </a:xfrm>
          <a:prstGeom prst="rect">
            <a:avLst/>
          </a:prstGeom>
        </p:spPr>
      </p:pic>
      <p:pic>
        <p:nvPicPr>
          <p:cNvPr id="239" name="Graphic 238" descr="A small branch with flower buds">
            <a:extLst>
              <a:ext uri="{FF2B5EF4-FFF2-40B4-BE49-F238E27FC236}">
                <a16:creationId xmlns:a16="http://schemas.microsoft.com/office/drawing/2014/main" id="{7E93592B-9D1E-9BF7-DA26-393EF9C88410}"/>
              </a:ext>
            </a:extLst>
          </p:cNvPr>
          <p:cNvPicPr>
            <a:picLocks noChangeAspect="1"/>
          </p:cNvPicPr>
          <p:nvPr/>
        </p:nvPicPr>
        <p:blipFill>
          <a:blip r:embed="rId1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8"/>
              </a:ext>
            </a:extLst>
          </a:blip>
          <a:stretch>
            <a:fillRect/>
          </a:stretch>
        </p:blipFill>
        <p:spPr>
          <a:xfrm rot="5400000" flipH="1" flipV="1">
            <a:off x="10277440" y="-255983"/>
            <a:ext cx="2528013" cy="2528013"/>
          </a:xfrm>
          <a:prstGeom prst="rect">
            <a:avLst/>
          </a:prstGeom>
        </p:spPr>
      </p:pic>
      <p:pic>
        <p:nvPicPr>
          <p:cNvPr id="265" name="Graphic 264" descr="A small sprig of flowers">
            <a:extLst>
              <a:ext uri="{FF2B5EF4-FFF2-40B4-BE49-F238E27FC236}">
                <a16:creationId xmlns:a16="http://schemas.microsoft.com/office/drawing/2014/main" id="{B5EB76FA-8151-4F81-5F0E-6365B1C75AAD}"/>
              </a:ext>
            </a:extLst>
          </p:cNvPr>
          <p:cNvPicPr>
            <a:picLocks noChangeAspect="1"/>
          </p:cNvPicPr>
          <p:nvPr/>
        </p:nvPicPr>
        <p:blipFill>
          <a:blip r:embed="rId12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0"/>
              </a:ext>
            </a:extLst>
          </a:blip>
          <a:stretch>
            <a:fillRect/>
          </a:stretch>
        </p:blipFill>
        <p:spPr>
          <a:xfrm rot="5400000">
            <a:off x="400862" y="-449006"/>
            <a:ext cx="2365204" cy="2365204"/>
          </a:xfrm>
          <a:prstGeom prst="rect">
            <a:avLst/>
          </a:prstGeom>
        </p:spPr>
      </p:pic>
      <p:pic>
        <p:nvPicPr>
          <p:cNvPr id="267" name="Graphic 266" descr="A small sprig of flowers">
            <a:extLst>
              <a:ext uri="{FF2B5EF4-FFF2-40B4-BE49-F238E27FC236}">
                <a16:creationId xmlns:a16="http://schemas.microsoft.com/office/drawing/2014/main" id="{CDEFA4CE-20DB-15F9-49AA-5ABA7A6133F1}"/>
              </a:ext>
            </a:extLst>
          </p:cNvPr>
          <p:cNvPicPr>
            <a:picLocks noChangeAspect="1"/>
          </p:cNvPicPr>
          <p:nvPr/>
        </p:nvPicPr>
        <p:blipFill>
          <a:blip r:embed="rId12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0"/>
              </a:ext>
            </a:extLst>
          </a:blip>
          <a:stretch>
            <a:fillRect/>
          </a:stretch>
        </p:blipFill>
        <p:spPr>
          <a:xfrm rot="16200000" flipH="1">
            <a:off x="9394188" y="-449006"/>
            <a:ext cx="2365204" cy="236520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453003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0LTExVDEwOjAwOjAwWiIsIkVuZERhdGUiOiIyMDIzLTA0LTExVDEyOjMwOjAwWiIsIlBlcmNlbnRhZ2VDb21wbGV0ZSI6bnVsbCwiU3R5bGUiOnsiJGlkIjoiNyIsIlNoYXBlIjowLCJTaGFwZVRoaWNrbmVzcyI6MSwiRHVyYXRpb25Gb3JtYXQiOjEx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I1NSwiRyI6MjU1LCJCIjoyNTV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EuMCwiTGluZVR5cGUiOjAsIlBhcmVudFN0eWxlIjpudWxsfSwiTWFyZ2luIjpudWxsLCJTdGFydERhdGVQb3NpdGlvbiI6MiwiRW5kRGF0ZVBvc2l0aW9uIjoyLCJEYXRlSXNWaXNpYmxlIjp0cnVlLCJUaXRsZVBvc2l0aW9uIjowLCJEdXJhdGlvblBvc2l0aW9uIjo2LCJQZXJjZW50YWdlQ29tcGxldGVkUG9zaXRpb24iOjY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gsIkZvbnROYW1lIjoiQXJpYWwgTm92YSIsIklzQm9sZCI6ZmFsc2UsIklzSXRhbGljIjpmYWxzZSwiSXNVbmRlcmxpbmVkIjpmYWxzZSwiUGFyZW50U3R5bGUiOm51bGx9LCJBdXRvU2l6ZSI6MCwiRm9yZWdyb3VuZCI6eyIkaWQiOiI1MSIsIkNvbG9yIjp7IiRpZCI6IjU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dHJ1ZSwiV2lkdGgiOjAuMCwiSGVpZ2h0IjowLjAsIkJvcmRlclN0eWxlIjp7IiRpZCI6Ijc0IiwiTGluZUNvbG9yIjpudWxsLCJMaW5lV2VpZ2h0IjowLjAsIkxpbmVUeXBlIjowLCJQYXJlbnRTdHlsZSI6bnVsbH0sIlBhcmVudFN0eWxlIjpudWxsfSwiRHVyYXRpb25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gsIkZvbnROYW1lIjoiQXJpYWwgTm92YSIsIklzQm9sZCI6ZmFsc2UsIklzSXRhbGljIjpmYWxzZSwiSXNVbmRlcmxpbmVkIjpmYWxzZSwiUGFyZW50U3R5bGUiOm51bGx9LCJBdXRvU2l6ZSI6MCwiRm9yZWdyb3VuZCI6eyIkaWQiOiIxNjYiLCJDb2xvciI6eyIkaWQiOiIxNj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4LCJGb250TmFtZSI6IkNhbGlicmkiLCJJc0JvbGQiOmZhbHNlLCJJc0l0YWxpYyI6ZmFsc2UsIklzVW5kZXJsaW5lZCI6ZmFsc2UsIlBhcmVudFN0eWxlIjpudWxsfSwiQXV0b1NpemUiOjAsIkZvcmVncm91bmQiOnsiJGlkIjoiMjIyIiwiQ29sb3IiOnsiJGlkIjoiMjI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eyIkaWQiOiIyNDIiLCJDb2xvciI6eyIkaWQiOiIyNDMiLCJBIjo4OSwiUiI6MCwiRyI6MCwiQiI6MH19LCJJc1Zpc2libGUiOnRydWUsIldpZHRoIjowLjAsIkhlaWdodCI6MC4wLCJCb3JkZXJTdHlsZSI6eyIkaWQiOiIyNDQiLCJMaW5lQ29sb3IiOm51bGwsIkxpbmVXZWlnaHQiOjAuMCwiTGluZVR5cGUiOjAsIlBhcmVudFN0eWxlIjpudWxsfSwiUGFyZW50U3R5bGUiOm51bGx9LCJEdXJhdGlvblN0eWxlIjp7IiRpZCI6IjI0NSIsIkZvbnRTZXR0aW5ncyI6eyIkaWQiOiIyNDY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gsIkZvbnROYW1lIjoiQ2FsaWJyaSIsIklzQm9sZCI6ZmFsc2UsIklzSXRhbGljIjpmYWxzZSwiSXNVbmRlcmxpbmVkIjpmYWxzZSwiUGFyZW50U3R5bGUiOm51bGx9LCJBdXRvU2l6ZSI6MCwiRm9yZWdyb3VuZCI6eyIkaWQiOiIyNzciLCJDb2xvciI6eyIkaWQiOiIyNz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aWQiOiIyODEiLCJDb2xvciI6eyIkaWQiOiIyODIiLCJBIjo4OSwiUiI6MCwiRyI6MCwiQiI6MH19LCJJc1Zpc2libGUiOnRydWUsIldpZHRoIjowLjAsIkhlaWdodCI6MC4wLCJCb3JkZXJTdHlsZSI6eyIkaWQiOiIyODMiLCJMaW5lQ29sb3IiOm51bGwsIkxpbmVXZWlnaHQiOjAuMCwiTGluZVR5cGUiOjAsIlBhcmVudFN0eWxlIjpudWxsfSwiUGFyZW50U3R5bGUiOm51bGx9LCJEYXRlRm9ybWF0Ijp7IiRpZCI6IjI4NC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MzAzIiwiVG9wIjowLjAsIkxlZnQiOjAuMCwiUmlnaHQiOjAuMCwiQm90dG9tIjowLjB9LCJQYWRkaW5nIjp7IiRpZCI6IjMwNCIsIlRvcCI6MC4wLCJMZWZ0IjowLjAsIlJpZ2h0IjowLjAsIkJvdHRvbSI6MC4wfSwiQmFja2dyb3VuZCI6eyIkaWQiOiIzMDUiLCJDb2xvciI6eyIkaWQiOiIzMDYiLCJBIjo4OSwiUiI6MCwiRyI6MCwiQiI6MH1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pZCI6IjMwOSIsIiR0eXBlIjoiTkxSRS5Db21tb24uRG9tLlNvbGlkQ29sb3JCcnVzaCwgTkxSRS5Db21tb24iLCJDb2xvciI6eyIkaWQiOiIzMTAiLCJBIjoyNTUsIlIiOjIwNCwiRyI6MjA0LCJCIjoyMDR9fSwiTGluZVdlaWdodCI6MS4wLCJMaW5lVHlwZSI6MCwiUGFyZW50U3R5bGUiOm51bGx9LCJWZXJ0aWNhbENvbm5lY3RvclN0eWxlIjp7IiRpZCI6IjMxMSIsIkxpbmVDb2xvciI6eyIkaWQiOiIzMTIiLCIkdHlwZSI6Ik5MUkUuQ29tbW9uLkRvbS5Tb2xpZENvbG9yQnJ1c2gsIE5MUkUuQ29tbW9uIiwiQ29sb3IiOnsiJGlkIjoiMzEz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zM1IiwiVG9wIjowLjAsIkxlZnQiOjAuMCwiUmlnaHQiOjAuMCwiQm90dG9tIjowLjB9LCJQYWRkaW5nIjp7IiRpZCI6IjMzNiIsIlRvcCI6MC4wLCJMZWZ0IjowLjAsIlJpZ2h0IjowLjAsIkJvdHRvbSI6MC4wfSwiQmFja2dyb3VuZCI6eyIkaWQiOiIzMzciLCJDb2xvciI6eyIkaWQiOiIzMzgiLCJBIjo4OSwiUiI6MCwiRyI6MCwiQiI6MH19LCJJc1Zpc2libGUiOnRydW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udWxsfSwiQXV0b1NpemUiOjAsIkZvcmVncm91bmQiOnsiJGlkIjoiMzUwIiwiQ29sb3IiOnsiJGlkIjoiMzU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4LCJGb250TmFtZSI6IkFyaWFsIE5vdmEiLCJJc0JvbGQiOmZhbHNlLCJJc0l0YWxpYyI6ZmFsc2UsIklzVW5kZXJsaW5lZCI6ZmFsc2UsIlBhcmVudFN0eWxlIjpudWxsfSwiQXV0b1NpemUiOjAsIkZvcmVncm91bmQiOnsiJGlkIjoiMzkxIiwiQ29sb3IiOnsiJGlkIjoiMzk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U3R5bGUiOnsiJGlkIjoiNTA2IiwiRm9udFNldHRpbmdzIjp7IiRpZCI6IjUwNyIsIkZvbnRTaXplIjo4LCJGb250TmFtZSI6IkFyaWFsIE5vdmEiLCJJc0JvbGQiOmZhbHNlLCJJc0l0YWxpYyI6ZmFsc2UsIklzVW5kZXJsaW5lZCI6ZmFsc2UsIlBhcmVudFN0eWxlIjpudWxsfSwiQXV0b1NpemUiOjAsIkZvcmVncm91bmQiOnsiJGlkIjoiNTA4IiwiQ29sb3IiOnsiJGlkIjoiNTA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GlkIjoiNTEyIiwiQ29sb3IiOnsiJGlkIjoiNTEzIiwiQSI6MCwiUiI6MjU1LCJHIjoyNTUsIkIiOjI1NX19LCJJc1Zpc2libGUiOnRydWUsIldpZHRoIjowLjAsIkhlaWdodCI6MC4wLCJCb3JkZXJTdHlsZSI6eyIkaWQiOiI1MTQiLCJMaW5lQ29sb3IiOm51bGwsIkxpbmVXZWlnaHQiOjAuMCwiTGluZVR5cGUiOjAsIlBhcmVudFN0eWxlIjpudWxsfSwiUGFyZW50U3R5bGUiOm51bGx9LCJEYXRlRm9ybWF0Ijp7IiRpZCI6IjUxNS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7IiRpZCI6IjY3MSIsIkxpbmVDb2xvciI6bnVsbCwiTGluZVdlaWdodCI6MC4wLCJMaW5lVHlwZSI6MCwiUGFyZW50U3R5bGUiOm51bGx9LCJQYXJlbnRTdHlsZSI6bnVsbH0sIkRhdGVTdHlsZSI6eyIkaWQiOiI2NzIiLCJGb250U2V0dGluZ3MiOnsiJGlkIjoiNjczIiwiRm9udFNpemUiOjgsIkZvbnROYW1lIjoiQ2FsaWJyaSIsIklzQm9sZCI6ZmFsc2UsIklzSXRhbGljIjpmYWxzZSwiSXNVbmRlcmxpbmVkIjpmYWxzZSwiUGFyZW50U3R5bGUiOm51bGx9LCJBdXRvU2l6ZSI6MCwiRm9yZWdyb3VuZCI6eyIkaWQiOiI2NzQiLCJDb2xvciI6eyIkaWQiOiI2Nz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I1IiwiVG9wIjowLjAsIkxlZnQiOjAuMCwiUmlnaHQiOjAuMCwiQm90dG9tIjowLjB9LCJQYWRkaW5nIjp7IiRpZCI6IjEyMjYiLCJUb3AiOjAuMCwiTGVmdCI6MC4wLCJSaWdodCI6MC4wLCJCb3R0b20iOjAuMH0sIkJhY2tncm91bmQiOnsiJGlkIjoiMTIyNyIsIkNvbG9yIjp7IiRpZCI6IjEyMjgiLCJBIjo4OSwiUiI6MCwiRyI6MCwiQiI6MH19LCJJc1Zpc2libGUiOnRydWUsIldpZHRoIjowLjAsIkhlaWdodCI6MC4wLCJCb3JkZXJTdHlsZSI6bnVsbCwiUGFyZW50U3R5bGUiOm51bGx9LCJEdXJhdGlvblN0eWxlIjp7IiRpZCI6IjEyMjkiLCJGb250U2V0dGluZ3MiOnsiJGlkIjoiMTIzMC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I2MSIsIlRvcCI6MC4wLCJMZWZ0IjowLjAsIlJpZ2h0IjowLjAsIkJvdHRvbSI6MC4wfSwiUGFkZGluZyI6eyIkaWQiOiIxMjYyIiwiVG9wIjowLjAsIkxlZnQiOjAuMCwiUmlnaHQiOjAuMCwiQm90dG9tIjowLjB9LCJCYWNrZ3JvdW5kIjp7IiRpZCI6IjEyNjMiLCJDb2xvciI6eyIkaWQiOiIxMjY0IiwiQSI6ODksIlIiOjAsIkciOjAsIkIiOjB9fSwiSXNWaXNpYmxlIjp0cnVlLCJXaWR0aCI6MC4wLCJIZWlnaHQiOjAuMCwiQm9yZGVyU3R5bGUiOm51bGwsIlBhcmVudFN0eWxlIjpudWxsfSwiRGF0ZUZvcm1hdCI6eyIkaWQiOiIxMjY1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EyNjYiLCJGb3JtYXQiOjAsIklzVmlzaWJsZSI6ZmFsc2UsIkxhc3RLbm93blZpc2liaWxpdHlTdGF0ZSI6ZmFsc2V9LCJJc1Zpc2libGUiOnRydWUsIlBhcmVudFN0eWxlIjpudWxsLCJfZXhwbGljaXRseVNldCI6eyIkaWQiOiIxMjY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V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J9LCJTZXR0aW5ncyI6eyIkaWQiOiIxNDQzIiwiSW1wYU9wdGlvbnMiOnsiJGlkIjoiMTQ0N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0NDUiLCJVc2VUaW1lIjp0cnVlLCJXb3JrRGF5U3RhcnQiOiIwMDowMDowMCIsIldvcmtEYXlFbmQiOiIyMzo1OTowMCJ9LCJMYXN0VXNlZFRlbXBsYXRlSWQiOiIwODE5MTE3MC03MDQ0LTQ4NWYtYjVjMy0wMGVhN2FlNjliMTMiLCJGaXJzdFdlZWtPZlllYXIiOjAsIlBsYWNlTWlsZXN0b25lQXRUaGVCZWdpbm5pbmdPZlRoZURheSI6ZmFsc2UsIkRlcGVuZGVuY3lTY2hlZHVsaW5nU2V0dGluZ3MiOnsiJGlkIjoiMTQ0N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TRIM00MINUTES" val="False"/>
  <p:tag name="OTLWEEKNUMBERINGFORMAT" val="WNFormat1"/>
  <p:tag name="OTLWEEKNUMBERINGISVISIBLE" val="False"/>
  <p:tag name="OTLMTITLE" val="Photographer arrives"/>
  <p:tag name="OTLDATE" val="2023-04-11T12:30:00.0000000"/>
  <p:tag name="OTLPOSITIONONTASK" val="None"/>
  <p:tag name="OTLRELATEDTASKID" val="00000000-0000-0000-0000-000000000000"/>
  <p:tag name="OTLDATEFORMATAMPMDESIGNATOR" val="None"/>
  <p:tag name="OTLDATEFORMATHOURDIGITS" val="Hh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TRIM00MINUTES" val="False"/>
  <p:tag name="OTLWEEKNUMBERINGFORMAT" val="WNFormat1"/>
  <p:tag name="OTLWEEKNUMBERINGISVISIBLE" val="False"/>
  <p:tag name="OTLDATE" val="2023-04-11T17:45:00.0000000"/>
  <p:tag name="OTLPOSITIONONTASK" val="None"/>
  <p:tag name="OTLRELATEDTASKID" val="00000000-0000-0000-0000-000000000000"/>
  <p:tag name="OTLDATEFORMATAMPMDESIGNATOR" val="None"/>
  <p:tag name="OTLDATEFORMATHOURDIGITS" val="Hh"/>
  <p:tag name="OTLMTITLE" val="Newlyweds grand entrance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TRIM00MINUTES" val="False"/>
  <p:tag name="OTLWEEKNUMBERINGFORMAT" val="WNFormat1"/>
  <p:tag name="OTLWEEKNUMBERINGISVISIBLE" val="False"/>
  <p:tag name="OTLMTITLE" val="Couple's exit"/>
  <p:tag name="OTLDATE" val="2023-04-11T23:00:00.0000000"/>
  <p:tag name="OTLPOSITIONONTASK" val="None"/>
  <p:tag name="OTLRELATEDTASKID" val="00000000-0000-0000-0000-000000000000"/>
  <p:tag name="OTLDATEFORMATAMPMDESIGNATOR" val="None"/>
  <p:tag name="OTLDATEFORMATHOURDIGITS" val="Hh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TRIM00MINUTES" val="False"/>
  <p:tag name="OTLWEEKNUMBERINGFORMAT" val="WNFormat1"/>
  <p:tag name="OTLWEEKNUMBERINGISVISIBLE" val="False"/>
  <p:tag name="OTLMTITLE" val="Ceremony begins"/>
  <p:tag name="OTLDATE" val="2023-04-11T16:00:00.0000000"/>
  <p:tag name="OTLPOSITIONONTASK" val="None"/>
  <p:tag name="OTLRELATEDTASKID" val="00000000-0000-0000-0000-000000000000"/>
  <p:tag name="OTLDATEFORMATAMPMDESIGNATOR" val="None"/>
  <p:tag name="OTLDATEFORMATHOURDIGITS" val="Hh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STARTDATE" val="2023-04-11T10:00:00.0000000Z"/>
  <p:tag name="OTLENDDATE" val="2023-04-11T12:30:00.0000000Z"/>
  <p:tag name="OTLDURATIONFORMAT" val="h"/>
  <p:tag name="OTLSHAPETHICKNESSTYPE" val="Regular"/>
  <p:tag name="OTLSPACING" val="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3-04-11T13:00:00.0000000Z"/>
  <p:tag name="OTLENDDATE" val="2023-04-11T14:00:00.0000000Z"/>
  <p:tag name="OTLSHAPETHICKNESSTYPE" val="Regular"/>
  <p:tag name="OTLDATEFORMATDATEISVISIBLE" val="False"/>
  <p:tag name="OTLDATEFORMATTIMEISVISIBLE" val="True"/>
  <p:tag name="OTLDATEFORMATSTRING" val="MMM d"/>
  <p:tag name="OTLDURATIONFORMAT" val="h"/>
  <p:tag name="OTLSPACING" val="3"/>
  <p:tag name="OTLDATEFORMATHOURDIGITS" val="Hh"/>
  <p:tag name="OTLDATEFORMATAMPMDESIGNATOR" val="Non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3-04-11T14:00:00.0000000Z"/>
  <p:tag name="OTLENDDATE" val="2023-04-11T14:15:00.0000000Z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PACING" val="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TARTDATE" val="2023-04-11T14:15:00.0000000Z"/>
  <p:tag name="OTLENDDATE" val="2023-04-11T14:29:00.0000000Z"/>
  <p:tag name="OTLSPACING" val="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ENDDATE" val="2023-04-11T14:45:00.0000000Z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TARTDATE" val="2023-04-11T14:30:00.0000000Z"/>
  <p:tag name="OTLSPACING" val="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ENDDATE" val="2023-04-11T15:05:00.0000000Z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TARTDATE" val="2023-04-11T14:45:00.0000000Z"/>
  <p:tag name="OTLSPACING" val="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ENDDATE" val="2023-04-11T16:00:00.0000000Z"/>
  <p:tag name="OTLSHAPETHICKNESSTYPE" val="Regular"/>
  <p:tag name="OTLDATEFORMATDATEISVISIBLE" val="False"/>
  <p:tag name="OTLDATEFORMATTIMEISVISIBLE" val="True"/>
  <p:tag name="OTLDATEFORMATAMPMDESIGNATOR" val="None"/>
  <p:tag name="OTLDATEFORMATHOURDIGITS" val="Hh"/>
  <p:tag name="OTLSTARTDATE" val="2023-04-11T15:15:00.0000000Z"/>
  <p:tag name="OTLDURATIONFORMAT" val="m"/>
  <p:tag name="OTLSPACING" val="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3-04-11T16:30:00.0000000Z"/>
  <p:tag name="OTLENDDATE" val="2023-04-11T17:30:00.0000000Z"/>
  <p:tag name="OTLSHAPETHICKNESSTYPE" val="Regular"/>
  <p:tag name="OTLDATEFORMATDATEISVISIBLE" val="False"/>
  <p:tag name="OTLDATEFORMATTIMEISVISIBLE" val="True"/>
  <p:tag name="OTLDATEFORMATAMPMDESIGNATOR" val="None"/>
  <p:tag name="OTLDATEFORMATHOURDIGITS" val="Hh"/>
  <p:tag name="OTLDURATIONFORMAT" val="h"/>
  <p:tag name="OTLSPACING" val="3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ENDDATE" val="2023-04-11T17:45:00.0000000Z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TARTDATE" val="2023-04-11T17:30:00.0000000Z"/>
  <p:tag name="OTLSPACING" val="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3-04-11T18:00:00.0000000Z"/>
  <p:tag name="OTLENDDATE" val="2023-04-11T18:10:00.0000000Z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PACING" val="3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ENDDATE" val="2023-04-11T18:30:00.0000000Z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TARTDATE" val="2023-04-11T18:10:00.0000000Z"/>
  <p:tag name="OTLSPACING" val="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ENDDATE" val="2023-04-11T19:15:00.0000000Z"/>
  <p:tag name="OTLSHAPETHICKNESSTYPE" val="Regular"/>
  <p:tag name="OTLDATEFORMATDATEISVISIBLE" val="False"/>
  <p:tag name="OTLDATEFORMATTIMEISVISIBLE" val="True"/>
  <p:tag name="OTLDATEFORMATAMPMDESIGNATOR" val="None"/>
  <p:tag name="OTLDATEFORMATHOURDIGITS" val="Hh"/>
  <p:tag name="OTLSTARTDATE" val="2023-04-11T18:30:00.0000000Z"/>
  <p:tag name="OTLDURATIONFORMAT" val="m"/>
  <p:tag name="OTLSPACING" val="3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ENDDATE" val="2023-04-11T19:30:00.0000000Z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TARTDATE" val="2023-04-11T19:15:00.0000000Z"/>
  <p:tag name="OTLSPACING" val="3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ENDDATE" val="2023-04-11T20:15:00.0000000Z"/>
  <p:tag name="OTLSHAPETHICKNESSTYPE" val="Regular"/>
  <p:tag name="OTLDATEFORMATDATEISVISIBLE" val="False"/>
  <p:tag name="OTLDATEFORMATTIMEISVISIBLE" val="True"/>
  <p:tag name="OTLDATEFORMATAMPMDESIGNATOR" val="None"/>
  <p:tag name="OTLDATEFORMATHOURDIGITS" val="Hh"/>
  <p:tag name="OTLSTARTDATE" val="2023-04-11T19:30:00.0000000Z"/>
  <p:tag name="OTLDURATIONFORMAT" val="m"/>
  <p:tag name="OTLSPACING" val="3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ENDDATE" val="2023-04-11T20:30:00.0000000Z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TARTDATE" val="2023-04-11T20:15:00.0000000Z"/>
  <p:tag name="OTLSPACING" val="3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TARTDATE" val="2023-04-11T20:30:00.0000000Z"/>
  <p:tag name="OTLENDDATE" val="2023-04-11T22:45:00.0000000Z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PACING" val="3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TRIM00MINUTES" val="False"/>
  <p:tag name="OTLWEEKNUMBERINGFORMAT" val="WNFormat1"/>
  <p:tag name="OTLWEEKNUMBERINGISVISIBLE" val="False"/>
  <p:tag name="OTLSHAPETHICKNESSTYPE" val="Regular"/>
  <p:tag name="OTLDATEFORMATDATEISVISIBLE" val="False"/>
  <p:tag name="OTLDATEFORMATTIMEISVISIBLE" val="True"/>
  <p:tag name="OTLDURATIONFORMAT" val="hour"/>
  <p:tag name="OTLDATEFORMATAMPMDESIGNATOR" val="None"/>
  <p:tag name="OTLDATEFORMATHOURDIGITS" val="Hh"/>
  <p:tag name="OTLSPACING" val="3"/>
  <p:tag name="OTLSTARTDATE" val="2023-04-11T22:45:00.0000000Z"/>
  <p:tag name="OTLENDDATE" val="2023-04-11T22:55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Hours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3-04-12T22:55:00.0000000"/>
  <p:tag name="OTLTIMEBANDWORKINGDAYS" val="Standard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HAPETYPE" val="RectangleTimebandPhases"/>
  <p:tag name="OTLTIMEBANDELAPSEDTIMEEXTENSION" val="True"/>
  <p:tag name="OTLTIMEBANDUSETIME" val="True"/>
  <p:tag name="OTLRIGHTENDCAPSMARGINRIGHT" val="20"/>
  <p:tag name="OTLLEFTENDCAPSMARGINLEFT" val="20"/>
  <p:tag name="OTLTIMEBANDSCALEFORMAT" val="H:mm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Violet">
      <a:dk1>
        <a:sysClr val="windowText" lastClr="000000"/>
      </a:dk1>
      <a:lt1>
        <a:sysClr val="window" lastClr="FFFFFF"/>
      </a:lt1>
      <a:dk2>
        <a:srgbClr val="373545"/>
      </a:dk2>
      <a:lt2>
        <a:srgbClr val="DCD8DC"/>
      </a:lt2>
      <a:accent1>
        <a:srgbClr val="AD84C6"/>
      </a:accent1>
      <a:accent2>
        <a:srgbClr val="8784C7"/>
      </a:accent2>
      <a:accent3>
        <a:srgbClr val="5D739A"/>
      </a:accent3>
      <a:accent4>
        <a:srgbClr val="6997AF"/>
      </a:accent4>
      <a:accent5>
        <a:srgbClr val="84ACB6"/>
      </a:accent5>
      <a:accent6>
        <a:srgbClr val="6F8183"/>
      </a:accent6>
      <a:hlink>
        <a:srgbClr val="69A020"/>
      </a:hlink>
      <a:folHlink>
        <a:srgbClr val="8C8C8C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2</Words>
  <Application>Microsoft Office PowerPoint</Application>
  <PresentationFormat>Widescreen</PresentationFormat>
  <Paragraphs>5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Arial Nova</vt:lpstr>
      <vt:lpstr>Baguet Script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4-11T15:28:49Z</dcterms:created>
  <dcterms:modified xsi:type="dcterms:W3CDTF">2023-04-28T15:32:59Z</dcterms:modified>
</cp:coreProperties>
</file>